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029"/>
  <workbookPr filterPrivacy="1"/>
  <xr:revisionPtr revIDLastSave="2" documentId="8_{F9201F48-DF85-40DA-B13E-649FAD4C77EF}" xr6:coauthVersionLast="47" xr6:coauthVersionMax="47" xr10:uidLastSave="{23EBF772-F26C-4C0A-95EC-67B2D7F2C312}"/>
  <bookViews>
    <workbookView xWindow="-110" yWindow="-110" windowWidth="19420" windowHeight="11500" xr2:uid="{00000000-000D-0000-FFFF-FFFF00000000}"/>
  </bookViews>
  <sheets>
    <sheet name="Sheet1" sheetId="1" r:id="rId1"/>
  </sheets>
  <calcPr calcId="191029" concurrentManualCount="16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827" uniqueCount="216">
  <si>
    <t>Team</t>
  </si>
  <si>
    <t>zzzz</t>
  </si>
  <si>
    <t>ID</t>
  </si>
  <si>
    <t>AAAA</t>
  </si>
  <si>
    <t>BBBB</t>
  </si>
  <si>
    <t>EEEE</t>
  </si>
  <si>
    <t>GGGG</t>
  </si>
  <si>
    <t>HHHH</t>
  </si>
  <si>
    <t>JJJJ</t>
  </si>
  <si>
    <t>KKKK</t>
  </si>
  <si>
    <t>LLLL</t>
  </si>
  <si>
    <t>NNNN</t>
  </si>
  <si>
    <t>OOOO</t>
  </si>
  <si>
    <t>QQQQ</t>
  </si>
  <si>
    <t>RRRR</t>
  </si>
  <si>
    <t>SSSS</t>
  </si>
  <si>
    <t>TTTT</t>
  </si>
  <si>
    <t>UUUU</t>
  </si>
  <si>
    <t>VVVV</t>
  </si>
  <si>
    <t>XXXX</t>
  </si>
  <si>
    <t>YYYY</t>
  </si>
  <si>
    <t>ZZZZ</t>
  </si>
  <si>
    <t>AABB</t>
  </si>
  <si>
    <t>CCDD</t>
  </si>
  <si>
    <t>EEFF</t>
  </si>
  <si>
    <t>FFGG</t>
  </si>
  <si>
    <t>GGHH</t>
  </si>
  <si>
    <t>HHII</t>
  </si>
  <si>
    <t>IIJJ</t>
  </si>
  <si>
    <t>JJKK</t>
  </si>
  <si>
    <t>KKLL</t>
  </si>
  <si>
    <t>LLMM</t>
  </si>
  <si>
    <t>MMNN</t>
  </si>
  <si>
    <t>NNOO</t>
  </si>
  <si>
    <t>QQRR</t>
  </si>
  <si>
    <t>RRSS</t>
  </si>
  <si>
    <t>SSTT</t>
  </si>
  <si>
    <t>UUVV</t>
  </si>
  <si>
    <t>VVXX</t>
  </si>
  <si>
    <t>YYZZ</t>
  </si>
  <si>
    <t>ZZAA</t>
  </si>
  <si>
    <t>EEGG</t>
  </si>
  <si>
    <t>GGII</t>
  </si>
  <si>
    <t>HHJJ</t>
  </si>
  <si>
    <t>XXZZ</t>
  </si>
  <si>
    <t>KKNN</t>
  </si>
  <si>
    <t>Navn</t>
  </si>
  <si>
    <t>Jonatan Eggertsen</t>
  </si>
  <si>
    <t>Dennis Waldemar</t>
  </si>
  <si>
    <t>Nicolai Foged Thers</t>
  </si>
  <si>
    <t>Signe Mathilde Clara Pedersen</t>
  </si>
  <si>
    <t>Tobias L</t>
  </si>
  <si>
    <t>Thomas Rosenberg</t>
  </si>
  <si>
    <t>Lars Pedersen</t>
  </si>
  <si>
    <t>Sune Sporring</t>
  </si>
  <si>
    <t>Astrid Blom</t>
  </si>
  <si>
    <t>Lars Backer</t>
  </si>
  <si>
    <t>Bitten</t>
  </si>
  <si>
    <t>Mikkel Frese Søderlund</t>
  </si>
  <si>
    <t>Samuel Canghiari</t>
  </si>
  <si>
    <t>Morten J</t>
  </si>
  <si>
    <t>Per T</t>
  </si>
  <si>
    <t>Diana</t>
  </si>
  <si>
    <t>Annette Vilen</t>
  </si>
  <si>
    <t>Emma</t>
  </si>
  <si>
    <t>Ingeborg</t>
  </si>
  <si>
    <t>Ida Hanson</t>
  </si>
  <si>
    <t>Jan Mathorne</t>
  </si>
  <si>
    <t>Ida Jensen</t>
  </si>
  <si>
    <t>Emil jespersen</t>
  </si>
  <si>
    <t>Peder Jensen</t>
  </si>
  <si>
    <t>NIKOLAJ BERGER</t>
  </si>
  <si>
    <t>Sara</t>
  </si>
  <si>
    <t>elin t</t>
  </si>
  <si>
    <t>Asger Gade</t>
  </si>
  <si>
    <t>Luna Schulze</t>
  </si>
  <si>
    <t>Kasper Sporring</t>
  </si>
  <si>
    <t>Mikkel Munk</t>
  </si>
  <si>
    <t>AAF</t>
  </si>
  <si>
    <t>Kristoffer Schulze</t>
  </si>
  <si>
    <t>Clara Stricker-Petersen</t>
  </si>
  <si>
    <t>Mads Bloch-Sørensen</t>
  </si>
  <si>
    <t>Anja</t>
  </si>
  <si>
    <t>Seno Jensen</t>
  </si>
  <si>
    <t>Lærke Eggertsen</t>
  </si>
  <si>
    <t>RasmusRuneHansen</t>
  </si>
  <si>
    <t>Aleksander Lund</t>
  </si>
  <si>
    <t>Esben Eggertsen</t>
  </si>
  <si>
    <t>Vitus</t>
  </si>
  <si>
    <t>Ron9</t>
  </si>
  <si>
    <t>Køn</t>
  </si>
  <si>
    <t>M</t>
  </si>
  <si>
    <t>K</t>
  </si>
  <si>
    <t>MaxFlash</t>
  </si>
  <si>
    <t>6c</t>
  </si>
  <si>
    <t>5c</t>
  </si>
  <si>
    <t>8b</t>
  </si>
  <si>
    <t>6a+</t>
  </si>
  <si>
    <t>6b</t>
  </si>
  <si>
    <t>6b+</t>
  </si>
  <si>
    <t>6a</t>
  </si>
  <si>
    <t>5b</t>
  </si>
  <si>
    <t>7a</t>
  </si>
  <si>
    <t>5a</t>
  </si>
  <si>
    <t>7c</t>
  </si>
  <si>
    <t>7a+</t>
  </si>
  <si>
    <t>7b+</t>
  </si>
  <si>
    <t>7b</t>
  </si>
  <si>
    <t>Antalruter</t>
  </si>
  <si>
    <t>Rute tæller</t>
  </si>
  <si>
    <t>Område</t>
  </si>
  <si>
    <t>Rutenavn</t>
  </si>
  <si>
    <t>Rutegradering</t>
  </si>
  <si>
    <t>AntalSlynger</t>
  </si>
  <si>
    <t>Pointtop</t>
  </si>
  <si>
    <t>Samletscore</t>
  </si>
  <si>
    <t>Diedren</t>
  </si>
  <si>
    <t>34.B Meleret - Signe og Jesper</t>
  </si>
  <si>
    <t>4a</t>
  </si>
  <si>
    <t>Top</t>
  </si>
  <si>
    <t>Flugtruten</t>
  </si>
  <si>
    <t>13.A Grøn - Alfred &amp; Tom</t>
  </si>
  <si>
    <t>4b</t>
  </si>
  <si>
    <t>Matterhorn</t>
  </si>
  <si>
    <t>24.B Gul - Kasper S</t>
  </si>
  <si>
    <t>Kaminen</t>
  </si>
  <si>
    <t>34.A Blå - Jan &amp; Helle</t>
  </si>
  <si>
    <t>4c</t>
  </si>
  <si>
    <t>Ude-væggen</t>
  </si>
  <si>
    <t>53.A Orange - Lars B</t>
  </si>
  <si>
    <t>Matas Kassen</t>
  </si>
  <si>
    <t>23.A Blå - Marie</t>
  </si>
  <si>
    <t>Venstre for Overhænget</t>
  </si>
  <si>
    <t>15.A Grøn - Dennis</t>
  </si>
  <si>
    <t>17.A Pink - Emma</t>
  </si>
  <si>
    <t>Bruns Berg</t>
  </si>
  <si>
    <t>29.B Gul - Thomas</t>
  </si>
  <si>
    <t>5a+</t>
  </si>
  <si>
    <t>Hvælvingen Øst</t>
  </si>
  <si>
    <t>10.A Rød - Luna</t>
  </si>
  <si>
    <t>51.A Grå - Astrid</t>
  </si>
  <si>
    <t>12.A Orange - Dennis</t>
  </si>
  <si>
    <t>21.A Pink - Emma</t>
  </si>
  <si>
    <t>25.A Blå - Kasper S</t>
  </si>
  <si>
    <t>16.A Gul - Kasper</t>
  </si>
  <si>
    <t>Den Høje Væg</t>
  </si>
  <si>
    <t>05.A Grøn - Lars</t>
  </si>
  <si>
    <t>5b+</t>
  </si>
  <si>
    <t>Finns Corner</t>
  </si>
  <si>
    <t>28.A Rød - Lars, Lasse &amp; Signe</t>
  </si>
  <si>
    <t>52.A Gul - Tellefsen</t>
  </si>
  <si>
    <t>04.A Pink - Bitten &amp; Iben</t>
  </si>
  <si>
    <t>Slabtårnet</t>
  </si>
  <si>
    <t>14.B Mint - Dennis</t>
  </si>
  <si>
    <t>46.B Sort - Astrid</t>
  </si>
  <si>
    <t>Det Høje Slab</t>
  </si>
  <si>
    <t>09.B Sort - Lars P</t>
  </si>
  <si>
    <t>5c+</t>
  </si>
  <si>
    <t>22.A Orange - Thomas</t>
  </si>
  <si>
    <t>44.A Blå - Kenn</t>
  </si>
  <si>
    <t>15.B Mint - Alfred</t>
  </si>
  <si>
    <t>07.A Rød - Andreas L</t>
  </si>
  <si>
    <t>25.B Mint - Kristoffer</t>
  </si>
  <si>
    <t>14.A Sort - Astrid</t>
  </si>
  <si>
    <t>08.B Lilla - Alfred</t>
  </si>
  <si>
    <t>Det Store Overhæng</t>
  </si>
  <si>
    <t>19.C Gul - Tobias L</t>
  </si>
  <si>
    <t>20.A Blå - Andreas L</t>
  </si>
  <si>
    <t>49.A Gul - Lars</t>
  </si>
  <si>
    <t>09.A Rødbrun - Vitus</t>
  </si>
  <si>
    <t>Det Nye Overhæng</t>
  </si>
  <si>
    <t>42.C Grøn - Tobias B</t>
  </si>
  <si>
    <t>27.A Gul - Alfred</t>
  </si>
  <si>
    <t>11.A Mint - Tobias L</t>
  </si>
  <si>
    <t>Hvælvingen Vest</t>
  </si>
  <si>
    <t>32.A Grøn - Vitus</t>
  </si>
  <si>
    <t>43A Gul - Circuit.dk</t>
  </si>
  <si>
    <t>06.A Pink - Andreas L</t>
  </si>
  <si>
    <t>06.B Blå - Kasper S</t>
  </si>
  <si>
    <t>08.A Grøn - Thomas R</t>
  </si>
  <si>
    <t xml:space="preserve">19.D Rød - Jonatan &amp; Ingeborg (kun væg-delen) </t>
  </si>
  <si>
    <t>26.A Sort + Rids - Lars B</t>
  </si>
  <si>
    <t>05.B Sort - Kasper S</t>
  </si>
  <si>
    <t>50.A Lilla - Circuit.dk</t>
  </si>
  <si>
    <t>29.A Blå - Thomas</t>
  </si>
  <si>
    <t>6c+</t>
  </si>
  <si>
    <t>42.A Blå - Tobias B</t>
  </si>
  <si>
    <t>41.C Gul - Mikkel</t>
  </si>
  <si>
    <t>14.C Rød - Alfred</t>
  </si>
  <si>
    <t>46.A Grøn - Circuit.dk</t>
  </si>
  <si>
    <t>41.B Lilla - Seno</t>
  </si>
  <si>
    <t>42.B Mint - Mikkel</t>
  </si>
  <si>
    <t>48.A Blå - Circuit.dk</t>
  </si>
  <si>
    <t>41.A Sort - Seno</t>
  </si>
  <si>
    <t>19.A Grøn - Emil</t>
  </si>
  <si>
    <t>7c+</t>
  </si>
  <si>
    <t>21.B Sort/WideBoyz</t>
  </si>
  <si>
    <t>19.B Rød (Kun tag-delen) - Andreas L</t>
  </si>
  <si>
    <t>8a</t>
  </si>
  <si>
    <t>18.A Mint - Andreas</t>
  </si>
  <si>
    <t>8a+</t>
  </si>
  <si>
    <t>Nedenstående viser scorerudregningen med det "Handicap" korrigerede system</t>
  </si>
  <si>
    <t>Max Flash offset</t>
  </si>
  <si>
    <t>Antal klatrede ruter</t>
  </si>
  <si>
    <t>Ruter under eget niveau</t>
  </si>
  <si>
    <t>Begynder faktor</t>
  </si>
  <si>
    <t>Faktorkorrigeret SUM</t>
  </si>
  <si>
    <t>Top 2 Begrænset sum</t>
  </si>
  <si>
    <t>Rute gradering</t>
  </si>
  <si>
    <t>Antal Slynger</t>
  </si>
  <si>
    <t>Point top</t>
  </si>
  <si>
    <t>Point pr slynge \ SUM</t>
  </si>
  <si>
    <t>Nedenstående viser scorerudregningen med max 2 rute pr gradering (før faktor)</t>
  </si>
  <si>
    <t>Nedenstående viser scorerudregningen med det (gængse) point system, hvor en rute tæller samme point, om du er ny eller erfaren, og kun at nå til toppen tæller</t>
  </si>
  <si>
    <t>Top fem ruter</t>
  </si>
  <si>
    <t>Procent forskel: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3">
    <font>
      <sz val="11"/>
      <color theme="1"/>
      <name val="Aptos Narrow"/>
      <family val="2"/>
      <scheme val="minor"/>
    </font>
    <font>
      <sz val="11"/>
      <name val="VELUX Transform Office"/>
    </font>
    <font>
      <sz val="11"/>
      <color rgb="FF000000"/>
      <name val="VELUX Transform Office"/>
    </font>
  </fonts>
  <fills count="6">
    <fill>
      <patternFill patternType="none"/>
    </fill>
    <fill>
      <patternFill patternType="gray125"/>
    </fill>
    <fill>
      <patternFill patternType="solid">
        <fgColor rgb="FFFFFF00"/>
        <bgColor indexed="64"/>
      </patternFill>
    </fill>
    <fill>
      <patternFill patternType="solid">
        <fgColor rgb="FFFFFFFF"/>
        <bgColor indexed="64"/>
      </patternFill>
    </fill>
    <fill>
      <patternFill patternType="solid">
        <fgColor rgb="FF92D050"/>
        <bgColor indexed="64"/>
      </patternFill>
    </fill>
    <fill>
      <patternFill patternType="solid">
        <fgColor theme="9" tint="0.59999389629810485"/>
        <bgColor indexed="64"/>
      </patternFill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0">
    <xf numFmtId="0" fontId="0" fillId="0" borderId="0" xfId="0"/>
    <xf numFmtId="2" fontId="0" fillId="0" borderId="0" xfId="0" applyNumberFormat="1"/>
    <xf numFmtId="0" fontId="0" fillId="2" borderId="0" xfId="0" applyFill="1"/>
    <xf numFmtId="3" fontId="0" fillId="0" borderId="0" xfId="0" applyNumberFormat="1"/>
    <xf numFmtId="4" fontId="0" fillId="0" borderId="0" xfId="0" applyNumberFormat="1"/>
    <xf numFmtId="0" fontId="1" fillId="0" borderId="0" xfId="0" applyFont="1" applyAlignment="1">
      <alignment vertical="top"/>
    </xf>
    <xf numFmtId="1" fontId="2" fillId="3" borderId="0" xfId="0" applyNumberFormat="1" applyFont="1" applyFill="1" applyAlignment="1">
      <alignment vertical="top"/>
    </xf>
    <xf numFmtId="4" fontId="0" fillId="4" borderId="0" xfId="0" applyNumberFormat="1" applyFill="1"/>
    <xf numFmtId="4" fontId="0" fillId="5" borderId="0" xfId="0" applyNumberFormat="1" applyFill="1"/>
    <xf numFmtId="4" fontId="0" fillId="2" borderId="0" xfId="0" applyNumberFormat="1" applyFill="1"/>
  </cellXfs>
  <cellStyles count="1">
    <cellStyle name="Normal" xfId="0" builtinId="0"/>
  </cellStyles>
  <dxfs count="17">
    <dxf>
      <font>
        <color rgb="FF9C0006"/>
      </font>
      <fill>
        <patternFill>
          <bgColor rgb="FFFFC7CE"/>
        </patternFill>
      </fill>
    </dxf>
    <dxf>
      <font>
        <color rgb="FF00B050"/>
      </font>
      <fill>
        <patternFill>
          <bgColor theme="0" tint="-4.9989318521683403E-2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006100"/>
      </font>
      <fill>
        <patternFill>
          <bgColor rgb="FFC6EFCE"/>
        </patternFill>
      </fill>
    </dxf>
    <dxf>
      <font>
        <color rgb="FF006100"/>
      </font>
      <fill>
        <patternFill>
          <bgColor rgb="FFC6EF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00B050"/>
      </font>
      <fill>
        <patternFill>
          <bgColor theme="0" tint="-4.9989318521683403E-2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006100"/>
      </font>
      <fill>
        <patternFill>
          <bgColor rgb="FFC6EFCE"/>
        </patternFill>
      </fill>
    </dxf>
    <dxf>
      <font>
        <color rgb="FF006100"/>
      </font>
      <fill>
        <patternFill>
          <bgColor rgb="FFC6EF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00B050"/>
      </font>
      <fill>
        <patternFill>
          <bgColor theme="0" tint="-4.9989318521683403E-2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006100"/>
      </font>
      <fill>
        <patternFill>
          <bgColor rgb="FFC6EFCE"/>
        </patternFill>
      </fill>
    </dxf>
    <dxf>
      <font>
        <color rgb="FF006100"/>
      </font>
      <fill>
        <patternFill>
          <bgColor rgb="FFC6EFCE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006100"/>
      </font>
      <fill>
        <patternFill>
          <bgColor rgb="FFC6EF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AX220"/>
  <sheetViews>
    <sheetView tabSelected="1" workbookViewId="0">
      <selection activeCell="A70" sqref="A70:XFD70"/>
    </sheetView>
  </sheetViews>
  <sheetFormatPr defaultColWidth="8.81640625" defaultRowHeight="14.5"/>
  <cols>
    <col min="1" max="1" width="9.6328125" bestFit="1" customWidth="1"/>
    <col min="2" max="2" width="20" customWidth="1"/>
    <col min="3" max="3" width="38.81640625" bestFit="1" customWidth="1"/>
    <col min="4" max="4" width="12.453125" bestFit="1" customWidth="1"/>
    <col min="5" max="5" width="11.1796875" bestFit="1" customWidth="1"/>
    <col min="6" max="6" width="8" bestFit="1" customWidth="1"/>
    <col min="7" max="7" width="19.90625" bestFit="1" customWidth="1"/>
    <col min="8" max="8" width="15.54296875" bestFit="1" customWidth="1"/>
    <col min="9" max="9" width="15.1796875" bestFit="1" customWidth="1"/>
    <col min="10" max="10" width="16.6328125" bestFit="1" customWidth="1"/>
    <col min="11" max="11" width="25.6328125" bestFit="1" customWidth="1"/>
    <col min="12" max="12" width="7.36328125" bestFit="1" customWidth="1"/>
    <col min="13" max="13" width="16.1796875" bestFit="1" customWidth="1"/>
    <col min="14" max="14" width="12.26953125" bestFit="1" customWidth="1"/>
    <col min="15" max="15" width="11.81640625" bestFit="1" customWidth="1"/>
    <col min="16" max="16" width="10" bestFit="1" customWidth="1"/>
    <col min="17" max="17" width="10.26953125" bestFit="1" customWidth="1"/>
    <col min="18" max="18" width="6.36328125" bestFit="1" customWidth="1"/>
    <col min="19" max="19" width="19.54296875" bestFit="1" customWidth="1"/>
    <col min="20" max="20" width="15" bestFit="1" customWidth="1"/>
    <col min="21" max="21" width="7.90625" bestFit="1" customWidth="1"/>
    <col min="22" max="23" width="6.36328125" bestFit="1" customWidth="1"/>
    <col min="24" max="24" width="11.54296875" bestFit="1" customWidth="1"/>
    <col min="25" max="25" width="6.36328125" bestFit="1" customWidth="1"/>
    <col min="26" max="26" width="7.7265625" bestFit="1" customWidth="1"/>
    <col min="27" max="27" width="9.81640625" bestFit="1" customWidth="1"/>
    <col min="28" max="28" width="11.54296875" bestFit="1" customWidth="1"/>
    <col min="29" max="29" width="9.1796875" bestFit="1" customWidth="1"/>
    <col min="30" max="30" width="12.54296875" bestFit="1" customWidth="1"/>
    <col min="31" max="31" width="11.81640625" bestFit="1" customWidth="1"/>
    <col min="32" max="32" width="14.54296875" bestFit="1" customWidth="1"/>
    <col min="33" max="34" width="6.36328125" bestFit="1" customWidth="1"/>
    <col min="35" max="35" width="10" bestFit="1" customWidth="1"/>
    <col min="36" max="36" width="11.36328125" bestFit="1" customWidth="1"/>
    <col min="37" max="37" width="13.453125" bestFit="1" customWidth="1"/>
    <col min="38" max="38" width="10.7265625" bestFit="1" customWidth="1"/>
    <col min="39" max="39" width="5.7265625" bestFit="1" customWidth="1"/>
    <col min="40" max="40" width="14.90625" bestFit="1" customWidth="1"/>
    <col min="41" max="41" width="19.90625" bestFit="1" customWidth="1"/>
    <col min="42" max="42" width="18.453125" bestFit="1" customWidth="1"/>
    <col min="43" max="43" width="6.36328125" bestFit="1" customWidth="1"/>
    <col min="44" max="44" width="10.7265625" bestFit="1" customWidth="1"/>
    <col min="45" max="45" width="14.26953125" bestFit="1" customWidth="1"/>
    <col min="46" max="47" width="14.1796875" bestFit="1" customWidth="1"/>
    <col min="48" max="48" width="6.36328125" bestFit="1" customWidth="1"/>
    <col min="49" max="49" width="7.90625" bestFit="1" customWidth="1"/>
    <col min="50" max="50" width="17.7265625" bestFit="1" customWidth="1"/>
  </cols>
  <sheetData>
    <row r="1" spans="1:50">
      <c r="G1" s="1" t="s">
        <v>0</v>
      </c>
      <c r="H1" s="2" t="s">
        <v>1</v>
      </c>
      <c r="I1" s="2" t="s">
        <v>1</v>
      </c>
      <c r="J1" s="2" t="s">
        <v>1</v>
      </c>
      <c r="K1" s="2" t="s">
        <v>1</v>
      </c>
      <c r="L1" s="2" t="s">
        <v>1</v>
      </c>
      <c r="M1" s="2" t="s">
        <v>1</v>
      </c>
      <c r="N1" s="2" t="s">
        <v>1</v>
      </c>
      <c r="O1" s="2" t="s">
        <v>1</v>
      </c>
      <c r="P1" s="2" t="s">
        <v>1</v>
      </c>
      <c r="Q1" s="2" t="s">
        <v>1</v>
      </c>
      <c r="R1" s="2" t="s">
        <v>1</v>
      </c>
      <c r="S1" s="2" t="s">
        <v>1</v>
      </c>
      <c r="T1" s="2" t="s">
        <v>1</v>
      </c>
      <c r="U1" s="2" t="s">
        <v>1</v>
      </c>
      <c r="V1" s="2" t="s">
        <v>1</v>
      </c>
      <c r="W1" s="2" t="s">
        <v>1</v>
      </c>
      <c r="X1" s="2" t="s">
        <v>1</v>
      </c>
      <c r="Y1" s="2" t="s">
        <v>1</v>
      </c>
      <c r="Z1" s="2" t="s">
        <v>1</v>
      </c>
      <c r="AA1" s="2" t="s">
        <v>1</v>
      </c>
      <c r="AB1" s="2" t="s">
        <v>1</v>
      </c>
      <c r="AC1" s="2" t="s">
        <v>1</v>
      </c>
      <c r="AD1" s="2" t="s">
        <v>1</v>
      </c>
      <c r="AE1" s="2" t="s">
        <v>1</v>
      </c>
      <c r="AF1" s="2" t="s">
        <v>1</v>
      </c>
      <c r="AG1" s="2" t="s">
        <v>1</v>
      </c>
      <c r="AH1" s="2" t="s">
        <v>1</v>
      </c>
      <c r="AI1" s="2" t="s">
        <v>1</v>
      </c>
      <c r="AJ1" s="2" t="s">
        <v>1</v>
      </c>
      <c r="AK1" s="2" t="s">
        <v>1</v>
      </c>
      <c r="AL1" s="2" t="s">
        <v>1</v>
      </c>
      <c r="AM1" s="2" t="s">
        <v>1</v>
      </c>
      <c r="AN1" s="2" t="s">
        <v>1</v>
      </c>
      <c r="AO1" s="2" t="s">
        <v>1</v>
      </c>
      <c r="AP1" s="2" t="s">
        <v>1</v>
      </c>
      <c r="AQ1" s="2" t="s">
        <v>1</v>
      </c>
      <c r="AR1" s="2" t="s">
        <v>1</v>
      </c>
      <c r="AS1" s="2" t="s">
        <v>1</v>
      </c>
      <c r="AT1" s="2" t="s">
        <v>1</v>
      </c>
      <c r="AU1" s="2" t="s">
        <v>1</v>
      </c>
      <c r="AV1" s="2" t="s">
        <v>1</v>
      </c>
      <c r="AW1" s="2" t="s">
        <v>1</v>
      </c>
      <c r="AX1" s="2" t="s">
        <v>1</v>
      </c>
    </row>
    <row r="2" spans="1:50">
      <c r="G2" s="1" t="s">
        <v>2</v>
      </c>
      <c r="H2" s="2" t="s">
        <v>3</v>
      </c>
      <c r="I2" s="2" t="s">
        <v>4</v>
      </c>
      <c r="J2" s="2" t="s">
        <v>5</v>
      </c>
      <c r="K2" s="2" t="s">
        <v>6</v>
      </c>
      <c r="L2" s="2" t="s">
        <v>7</v>
      </c>
      <c r="M2" s="2" t="s">
        <v>8</v>
      </c>
      <c r="N2" s="2" t="s">
        <v>9</v>
      </c>
      <c r="O2" s="2" t="s">
        <v>10</v>
      </c>
      <c r="P2" s="2" t="s">
        <v>11</v>
      </c>
      <c r="Q2" s="2" t="s">
        <v>12</v>
      </c>
      <c r="R2" s="2" t="s">
        <v>13</v>
      </c>
      <c r="S2" s="2" t="s">
        <v>14</v>
      </c>
      <c r="T2" s="2" t="s">
        <v>15</v>
      </c>
      <c r="U2" s="2" t="s">
        <v>16</v>
      </c>
      <c r="V2" s="2" t="s">
        <v>17</v>
      </c>
      <c r="W2" s="2" t="s">
        <v>18</v>
      </c>
      <c r="X2" s="2" t="s">
        <v>19</v>
      </c>
      <c r="Y2" s="2" t="s">
        <v>20</v>
      </c>
      <c r="Z2" s="2" t="s">
        <v>21</v>
      </c>
      <c r="AA2" s="2" t="s">
        <v>22</v>
      </c>
      <c r="AB2" s="2" t="s">
        <v>23</v>
      </c>
      <c r="AC2" s="2" t="s">
        <v>24</v>
      </c>
      <c r="AD2" s="2" t="s">
        <v>25</v>
      </c>
      <c r="AE2" s="2" t="s">
        <v>26</v>
      </c>
      <c r="AF2" s="2" t="s">
        <v>27</v>
      </c>
      <c r="AG2" s="2" t="s">
        <v>28</v>
      </c>
      <c r="AH2" s="2" t="s">
        <v>29</v>
      </c>
      <c r="AI2" s="2" t="s">
        <v>30</v>
      </c>
      <c r="AJ2" s="2" t="s">
        <v>31</v>
      </c>
      <c r="AK2" s="2" t="s">
        <v>32</v>
      </c>
      <c r="AL2" s="2" t="s">
        <v>33</v>
      </c>
      <c r="AM2" s="2" t="s">
        <v>34</v>
      </c>
      <c r="AN2" s="2" t="s">
        <v>35</v>
      </c>
      <c r="AO2" s="2" t="s">
        <v>36</v>
      </c>
      <c r="AP2" s="2" t="s">
        <v>37</v>
      </c>
      <c r="AQ2" s="2" t="s">
        <v>38</v>
      </c>
      <c r="AR2" s="2" t="s">
        <v>39</v>
      </c>
      <c r="AS2" s="2" t="s">
        <v>40</v>
      </c>
      <c r="AT2" s="2" t="s">
        <v>41</v>
      </c>
      <c r="AU2" s="2" t="s">
        <v>42</v>
      </c>
      <c r="AV2" s="2" t="s">
        <v>43</v>
      </c>
      <c r="AW2" s="2" t="s">
        <v>44</v>
      </c>
      <c r="AX2" s="2" t="s">
        <v>45</v>
      </c>
    </row>
    <row r="3" spans="1:50">
      <c r="G3" s="1" t="s">
        <v>46</v>
      </c>
      <c r="H3" s="2" t="s">
        <v>47</v>
      </c>
      <c r="I3" s="2" t="s">
        <v>48</v>
      </c>
      <c r="J3" s="2" t="s">
        <v>49</v>
      </c>
      <c r="K3" s="2" t="s">
        <v>50</v>
      </c>
      <c r="L3" s="2" t="s">
        <v>51</v>
      </c>
      <c r="M3" s="2" t="s">
        <v>52</v>
      </c>
      <c r="N3" s="2" t="s">
        <v>53</v>
      </c>
      <c r="O3" s="2" t="s">
        <v>54</v>
      </c>
      <c r="P3" s="2" t="s">
        <v>55</v>
      </c>
      <c r="Q3" s="2" t="s">
        <v>56</v>
      </c>
      <c r="R3" s="2" t="s">
        <v>57</v>
      </c>
      <c r="S3" s="2" t="s">
        <v>58</v>
      </c>
      <c r="T3" s="2" t="s">
        <v>59</v>
      </c>
      <c r="U3" s="2" t="s">
        <v>60</v>
      </c>
      <c r="V3" s="2" t="s">
        <v>61</v>
      </c>
      <c r="W3" s="2" t="s">
        <v>62</v>
      </c>
      <c r="X3" s="2" t="s">
        <v>63</v>
      </c>
      <c r="Y3" s="2" t="s">
        <v>64</v>
      </c>
      <c r="Z3" s="2" t="s">
        <v>65</v>
      </c>
      <c r="AA3" s="2" t="s">
        <v>66</v>
      </c>
      <c r="AB3" s="2" t="s">
        <v>67</v>
      </c>
      <c r="AC3" s="2" t="s">
        <v>68</v>
      </c>
      <c r="AD3" s="2" t="s">
        <v>69</v>
      </c>
      <c r="AE3" s="2" t="s">
        <v>70</v>
      </c>
      <c r="AF3" s="2" t="s">
        <v>71</v>
      </c>
      <c r="AG3" s="2" t="s">
        <v>72</v>
      </c>
      <c r="AH3" s="2" t="s">
        <v>73</v>
      </c>
      <c r="AI3" s="2" t="s">
        <v>74</v>
      </c>
      <c r="AJ3" s="2" t="s">
        <v>75</v>
      </c>
      <c r="AK3" s="2" t="s">
        <v>76</v>
      </c>
      <c r="AL3" s="2" t="s">
        <v>77</v>
      </c>
      <c r="AM3" s="2" t="s">
        <v>78</v>
      </c>
      <c r="AN3" s="2" t="s">
        <v>79</v>
      </c>
      <c r="AO3" s="2" t="s">
        <v>80</v>
      </c>
      <c r="AP3" s="2" t="s">
        <v>81</v>
      </c>
      <c r="AQ3" s="2" t="s">
        <v>82</v>
      </c>
      <c r="AR3" s="2" t="s">
        <v>83</v>
      </c>
      <c r="AS3" s="2" t="s">
        <v>84</v>
      </c>
      <c r="AT3" s="2" t="s">
        <v>86</v>
      </c>
      <c r="AU3" s="2" t="s">
        <v>87</v>
      </c>
      <c r="AV3" s="2" t="s">
        <v>88</v>
      </c>
      <c r="AW3" s="2" t="s">
        <v>89</v>
      </c>
      <c r="AX3" s="2" t="s">
        <v>85</v>
      </c>
    </row>
    <row r="4" spans="1:50">
      <c r="G4" s="1" t="s">
        <v>90</v>
      </c>
      <c r="H4" t="s">
        <v>91</v>
      </c>
      <c r="I4" t="s">
        <v>91</v>
      </c>
      <c r="J4" t="s">
        <v>91</v>
      </c>
      <c r="K4" t="s">
        <v>92</v>
      </c>
      <c r="L4" t="s">
        <v>91</v>
      </c>
      <c r="M4" t="s">
        <v>91</v>
      </c>
      <c r="N4" t="s">
        <v>91</v>
      </c>
      <c r="O4" t="s">
        <v>91</v>
      </c>
      <c r="P4" t="s">
        <v>92</v>
      </c>
      <c r="Q4" t="s">
        <v>91</v>
      </c>
      <c r="R4" t="s">
        <v>92</v>
      </c>
      <c r="S4" t="s">
        <v>91</v>
      </c>
      <c r="T4" t="s">
        <v>91</v>
      </c>
      <c r="U4" t="s">
        <v>91</v>
      </c>
      <c r="V4" t="s">
        <v>91</v>
      </c>
      <c r="W4" t="s">
        <v>92</v>
      </c>
      <c r="X4" t="s">
        <v>92</v>
      </c>
      <c r="Y4" t="s">
        <v>92</v>
      </c>
      <c r="Z4" t="s">
        <v>92</v>
      </c>
      <c r="AA4" t="s">
        <v>92</v>
      </c>
      <c r="AB4" t="s">
        <v>91</v>
      </c>
      <c r="AC4" t="s">
        <v>92</v>
      </c>
      <c r="AD4" t="s">
        <v>91</v>
      </c>
      <c r="AE4" t="s">
        <v>91</v>
      </c>
      <c r="AF4" t="s">
        <v>91</v>
      </c>
      <c r="AG4" t="s">
        <v>92</v>
      </c>
      <c r="AH4" t="s">
        <v>92</v>
      </c>
      <c r="AI4" t="s">
        <v>91</v>
      </c>
      <c r="AJ4" t="s">
        <v>92</v>
      </c>
      <c r="AK4" t="s">
        <v>91</v>
      </c>
      <c r="AL4" t="s">
        <v>91</v>
      </c>
      <c r="AM4" t="s">
        <v>91</v>
      </c>
      <c r="AN4" t="s">
        <v>91</v>
      </c>
      <c r="AO4" t="s">
        <v>92</v>
      </c>
      <c r="AP4" t="s">
        <v>91</v>
      </c>
      <c r="AQ4" t="s">
        <v>92</v>
      </c>
      <c r="AR4" t="s">
        <v>91</v>
      </c>
      <c r="AS4" t="s">
        <v>92</v>
      </c>
      <c r="AT4" t="s">
        <v>91</v>
      </c>
      <c r="AU4" t="s">
        <v>91</v>
      </c>
      <c r="AV4" t="s">
        <v>91</v>
      </c>
      <c r="AW4" t="s">
        <v>91</v>
      </c>
      <c r="AX4" t="s">
        <v>91</v>
      </c>
    </row>
    <row r="5" spans="1:50">
      <c r="G5" s="1" t="s">
        <v>93</v>
      </c>
      <c r="H5" t="s">
        <v>94</v>
      </c>
      <c r="I5" t="s">
        <v>95</v>
      </c>
      <c r="J5" t="s">
        <v>97</v>
      </c>
      <c r="K5" t="s">
        <v>94</v>
      </c>
      <c r="L5" t="s">
        <v>98</v>
      </c>
      <c r="M5" t="s">
        <v>99</v>
      </c>
      <c r="N5" t="s">
        <v>100</v>
      </c>
      <c r="O5" t="s">
        <v>100</v>
      </c>
      <c r="P5" t="s">
        <v>101</v>
      </c>
      <c r="Q5" t="s">
        <v>94</v>
      </c>
      <c r="R5" t="s">
        <v>101</v>
      </c>
      <c r="S5" t="s">
        <v>99</v>
      </c>
      <c r="T5" t="s">
        <v>98</v>
      </c>
      <c r="U5" t="s">
        <v>94</v>
      </c>
      <c r="V5" t="s">
        <v>100</v>
      </c>
      <c r="W5" t="s">
        <v>97</v>
      </c>
      <c r="X5" t="s">
        <v>101</v>
      </c>
      <c r="Y5" t="s">
        <v>95</v>
      </c>
      <c r="Z5" t="s">
        <v>95</v>
      </c>
      <c r="AA5" t="s">
        <v>97</v>
      </c>
      <c r="AB5" t="s">
        <v>97</v>
      </c>
      <c r="AC5" t="s">
        <v>95</v>
      </c>
      <c r="AD5" t="s">
        <v>102</v>
      </c>
      <c r="AE5" t="s">
        <v>103</v>
      </c>
      <c r="AF5" t="s">
        <v>100</v>
      </c>
      <c r="AG5" t="s">
        <v>97</v>
      </c>
      <c r="AH5" t="s">
        <v>97</v>
      </c>
      <c r="AI5" t="s">
        <v>100</v>
      </c>
      <c r="AJ5" t="s">
        <v>101</v>
      </c>
      <c r="AK5" t="s">
        <v>104</v>
      </c>
      <c r="AL5" t="s">
        <v>95</v>
      </c>
      <c r="AM5" t="s">
        <v>96</v>
      </c>
      <c r="AN5" t="s">
        <v>100</v>
      </c>
      <c r="AO5" t="s">
        <v>99</v>
      </c>
      <c r="AP5" t="s">
        <v>100</v>
      </c>
      <c r="AQ5" t="s">
        <v>95</v>
      </c>
      <c r="AR5" t="s">
        <v>94</v>
      </c>
      <c r="AS5" t="s">
        <v>101</v>
      </c>
      <c r="AT5" t="s">
        <v>105</v>
      </c>
      <c r="AU5" t="s">
        <v>98</v>
      </c>
      <c r="AV5" t="s">
        <v>106</v>
      </c>
      <c r="AW5" t="s">
        <v>107</v>
      </c>
      <c r="AX5" t="s">
        <v>97</v>
      </c>
    </row>
    <row r="6" spans="1:50">
      <c r="G6" s="1" t="s">
        <v>108</v>
      </c>
      <c r="H6" s="3">
        <v>47</v>
      </c>
      <c r="I6" s="3">
        <v>34</v>
      </c>
      <c r="J6" s="3">
        <v>32</v>
      </c>
      <c r="K6" s="3">
        <v>54</v>
      </c>
      <c r="L6" s="3">
        <v>42</v>
      </c>
      <c r="M6" s="3">
        <v>47</v>
      </c>
      <c r="N6" s="3">
        <v>16</v>
      </c>
      <c r="O6" s="3">
        <v>28</v>
      </c>
      <c r="P6" s="3">
        <v>23</v>
      </c>
      <c r="Q6" s="3">
        <v>44</v>
      </c>
      <c r="R6" s="3">
        <v>27</v>
      </c>
      <c r="S6" s="3">
        <v>46</v>
      </c>
      <c r="T6" s="3">
        <v>20</v>
      </c>
      <c r="U6" s="3">
        <v>52</v>
      </c>
      <c r="V6" s="3">
        <v>27</v>
      </c>
      <c r="W6" s="3">
        <v>29</v>
      </c>
      <c r="X6" s="3">
        <v>25</v>
      </c>
      <c r="Y6" s="3">
        <v>17</v>
      </c>
      <c r="Z6" s="3">
        <v>36</v>
      </c>
      <c r="AA6" s="3">
        <v>34</v>
      </c>
      <c r="AB6" s="3">
        <v>45</v>
      </c>
      <c r="AC6" s="3">
        <v>31</v>
      </c>
      <c r="AD6" s="3">
        <v>5</v>
      </c>
      <c r="AE6" s="3">
        <v>7</v>
      </c>
      <c r="AF6" s="3">
        <v>21</v>
      </c>
      <c r="AG6" s="3">
        <v>8</v>
      </c>
      <c r="AH6" s="3">
        <v>17</v>
      </c>
      <c r="AI6" s="3">
        <v>38</v>
      </c>
      <c r="AJ6" s="3">
        <v>32</v>
      </c>
      <c r="AK6" s="3">
        <v>5</v>
      </c>
      <c r="AL6" s="3">
        <v>19</v>
      </c>
      <c r="AM6" s="3">
        <v>4</v>
      </c>
      <c r="AN6" s="3">
        <v>43</v>
      </c>
      <c r="AO6" s="3">
        <v>24</v>
      </c>
      <c r="AP6" s="3">
        <v>36</v>
      </c>
      <c r="AQ6" s="3">
        <v>29</v>
      </c>
      <c r="AR6" s="3">
        <v>9</v>
      </c>
      <c r="AS6" s="3">
        <v>17</v>
      </c>
      <c r="AT6" s="3">
        <v>54</v>
      </c>
      <c r="AU6" s="3">
        <v>49</v>
      </c>
      <c r="AV6" s="3">
        <v>9</v>
      </c>
      <c r="AW6" s="3">
        <v>57</v>
      </c>
      <c r="AX6" s="3">
        <v>29</v>
      </c>
    </row>
    <row r="7" spans="1:50">
      <c r="A7" t="s">
        <v>109</v>
      </c>
      <c r="B7" t="s">
        <v>110</v>
      </c>
      <c r="C7" t="s">
        <v>111</v>
      </c>
      <c r="D7" t="s">
        <v>112</v>
      </c>
      <c r="E7" t="s">
        <v>113</v>
      </c>
      <c r="F7" t="s">
        <v>114</v>
      </c>
      <c r="G7" s="1" t="s">
        <v>115</v>
      </c>
      <c r="H7" s="4">
        <v>486.28333333333336</v>
      </c>
      <c r="I7" s="4">
        <v>591.56038095238102</v>
      </c>
      <c r="J7" s="4">
        <v>570.93866666666679</v>
      </c>
      <c r="K7" s="4">
        <v>653.44523809523821</v>
      </c>
      <c r="L7" s="4">
        <v>673.79834054834055</v>
      </c>
      <c r="M7" s="4">
        <v>616.36031746031756</v>
      </c>
      <c r="N7" s="4">
        <v>344.59999999999997</v>
      </c>
      <c r="O7" s="4">
        <v>547.31619047619051</v>
      </c>
      <c r="P7" s="4">
        <v>708.25763809523801</v>
      </c>
      <c r="Q7" s="4">
        <v>492.61666666666667</v>
      </c>
      <c r="R7" s="4">
        <v>806.31775238095258</v>
      </c>
      <c r="S7" s="4">
        <v>720.01411255411256</v>
      </c>
      <c r="T7" s="4">
        <v>297.5866666666667</v>
      </c>
      <c r="U7" s="4">
        <v>633.52056277056283</v>
      </c>
      <c r="V7" s="4">
        <v>479.79999999999995</v>
      </c>
      <c r="W7" s="4">
        <v>442.20000000000005</v>
      </c>
      <c r="X7" s="4">
        <v>605.68096761904769</v>
      </c>
      <c r="Y7" s="4">
        <v>378.07809523809522</v>
      </c>
      <c r="Z7" s="4">
        <v>708.24761904761897</v>
      </c>
      <c r="AA7" s="4">
        <v>621.5866666666667</v>
      </c>
      <c r="AB7" s="4">
        <v>708.00506493506498</v>
      </c>
      <c r="AC7" s="4">
        <v>643.20000000000005</v>
      </c>
      <c r="AD7" s="4">
        <v>222.6</v>
      </c>
      <c r="AE7" s="4">
        <v>298.18133333333333</v>
      </c>
      <c r="AF7" s="4">
        <v>502.21460317460316</v>
      </c>
      <c r="AG7" s="4">
        <v>290.3257142857143</v>
      </c>
      <c r="AH7" s="4">
        <v>268.97333333333336</v>
      </c>
      <c r="AI7" s="4">
        <v>919.56317460317462</v>
      </c>
      <c r="AJ7" s="4">
        <v>824.75253333333342</v>
      </c>
      <c r="AK7" s="4">
        <v>198</v>
      </c>
      <c r="AL7" s="4">
        <v>298.048</v>
      </c>
      <c r="AM7" s="4">
        <v>4.7</v>
      </c>
      <c r="AN7" s="4">
        <v>585.86133333333328</v>
      </c>
      <c r="AO7" s="4">
        <v>528.15000000000009</v>
      </c>
      <c r="AP7" s="4">
        <v>921.08952380952383</v>
      </c>
      <c r="AQ7" s="4">
        <v>674.83428571428567</v>
      </c>
      <c r="AR7" s="4">
        <v>334.4</v>
      </c>
      <c r="AS7" s="4">
        <v>626.59199999999998</v>
      </c>
      <c r="AT7" s="4">
        <v>541.46466666666663</v>
      </c>
      <c r="AU7" s="4">
        <v>801.71742857142851</v>
      </c>
      <c r="AV7" s="4">
        <v>176.23454545454544</v>
      </c>
      <c r="AW7" s="4">
        <v>507.06200000000001</v>
      </c>
      <c r="AX7" s="4">
        <v>655.48333333333335</v>
      </c>
    </row>
    <row r="8" spans="1:50" ht="17.5">
      <c r="A8">
        <v>4</v>
      </c>
      <c r="B8" t="s">
        <v>116</v>
      </c>
      <c r="C8" t="s">
        <v>117</v>
      </c>
      <c r="D8" s="5" t="s">
        <v>118</v>
      </c>
      <c r="E8" s="6">
        <v>5</v>
      </c>
      <c r="F8">
        <v>21</v>
      </c>
      <c r="G8" s="1">
        <v>3.3600000000000003</v>
      </c>
      <c r="H8" t="s">
        <v>119</v>
      </c>
      <c r="I8" t="s">
        <v>119</v>
      </c>
      <c r="J8" t="s">
        <v>119</v>
      </c>
      <c r="K8" t="s">
        <v>119</v>
      </c>
      <c r="L8" t="s">
        <v>119</v>
      </c>
      <c r="M8" t="s">
        <v>119</v>
      </c>
      <c r="N8" t="s">
        <v>119</v>
      </c>
      <c r="O8">
        <v>0</v>
      </c>
      <c r="P8" t="s">
        <v>119</v>
      </c>
      <c r="Q8" t="s">
        <v>119</v>
      </c>
      <c r="R8" t="s">
        <v>119</v>
      </c>
      <c r="S8">
        <v>0</v>
      </c>
      <c r="T8">
        <v>0</v>
      </c>
      <c r="U8" t="s">
        <v>119</v>
      </c>
      <c r="V8">
        <v>0</v>
      </c>
      <c r="W8">
        <v>0</v>
      </c>
      <c r="X8" t="s">
        <v>119</v>
      </c>
      <c r="Y8">
        <v>0</v>
      </c>
      <c r="Z8" t="s">
        <v>119</v>
      </c>
      <c r="AA8" t="s">
        <v>119</v>
      </c>
      <c r="AB8" t="s">
        <v>119</v>
      </c>
      <c r="AC8" t="s">
        <v>119</v>
      </c>
      <c r="AD8">
        <v>0</v>
      </c>
      <c r="AE8">
        <v>0</v>
      </c>
      <c r="AF8">
        <v>0</v>
      </c>
      <c r="AG8">
        <v>0</v>
      </c>
      <c r="AH8">
        <v>0</v>
      </c>
      <c r="AI8" t="s">
        <v>119</v>
      </c>
      <c r="AJ8" t="s">
        <v>119</v>
      </c>
      <c r="AK8">
        <v>0</v>
      </c>
      <c r="AL8" t="s">
        <v>119</v>
      </c>
      <c r="AM8">
        <v>0</v>
      </c>
      <c r="AN8" t="s">
        <v>119</v>
      </c>
      <c r="AO8" t="s">
        <v>119</v>
      </c>
      <c r="AP8" t="s">
        <v>119</v>
      </c>
      <c r="AQ8" t="s">
        <v>119</v>
      </c>
      <c r="AR8">
        <v>0</v>
      </c>
      <c r="AS8">
        <v>0</v>
      </c>
      <c r="AT8" t="s">
        <v>119</v>
      </c>
      <c r="AU8" t="s">
        <v>119</v>
      </c>
      <c r="AV8">
        <v>0</v>
      </c>
      <c r="AW8" t="s">
        <v>119</v>
      </c>
      <c r="AX8">
        <v>0</v>
      </c>
    </row>
    <row r="9" spans="1:50" ht="17.5">
      <c r="A9">
        <v>5</v>
      </c>
      <c r="B9" t="s">
        <v>120</v>
      </c>
      <c r="C9" t="s">
        <v>121</v>
      </c>
      <c r="D9" s="5" t="s">
        <v>122</v>
      </c>
      <c r="E9" s="6">
        <v>8</v>
      </c>
      <c r="F9">
        <v>22</v>
      </c>
      <c r="G9" s="1">
        <v>2.2000000000000002</v>
      </c>
      <c r="H9" t="s">
        <v>119</v>
      </c>
      <c r="I9" t="s">
        <v>119</v>
      </c>
      <c r="J9" t="s">
        <v>119</v>
      </c>
      <c r="K9" t="s">
        <v>119</v>
      </c>
      <c r="L9" t="s">
        <v>119</v>
      </c>
      <c r="M9" t="s">
        <v>119</v>
      </c>
      <c r="N9" t="s">
        <v>119</v>
      </c>
      <c r="O9">
        <v>0</v>
      </c>
      <c r="P9" t="s">
        <v>119</v>
      </c>
      <c r="Q9" t="s">
        <v>119</v>
      </c>
      <c r="R9" t="s">
        <v>119</v>
      </c>
      <c r="S9" t="s">
        <v>119</v>
      </c>
      <c r="T9">
        <v>0</v>
      </c>
      <c r="U9" t="s">
        <v>119</v>
      </c>
      <c r="V9">
        <v>0</v>
      </c>
      <c r="W9">
        <v>0</v>
      </c>
      <c r="X9" t="s">
        <v>119</v>
      </c>
      <c r="Y9">
        <v>0</v>
      </c>
      <c r="Z9" t="s">
        <v>119</v>
      </c>
      <c r="AA9">
        <v>0</v>
      </c>
      <c r="AB9" t="s">
        <v>119</v>
      </c>
      <c r="AC9" t="s">
        <v>119</v>
      </c>
      <c r="AD9">
        <v>0</v>
      </c>
      <c r="AE9" t="s">
        <v>119</v>
      </c>
      <c r="AF9">
        <v>0</v>
      </c>
      <c r="AG9">
        <v>0</v>
      </c>
      <c r="AH9">
        <v>0</v>
      </c>
      <c r="AI9" t="s">
        <v>119</v>
      </c>
      <c r="AJ9" t="s">
        <v>119</v>
      </c>
      <c r="AK9">
        <v>0</v>
      </c>
      <c r="AL9" t="s">
        <v>119</v>
      </c>
      <c r="AM9" t="s">
        <v>119</v>
      </c>
      <c r="AN9" t="s">
        <v>119</v>
      </c>
      <c r="AO9" t="s">
        <v>119</v>
      </c>
      <c r="AP9" t="s">
        <v>119</v>
      </c>
      <c r="AQ9" t="s">
        <v>119</v>
      </c>
      <c r="AR9">
        <v>0</v>
      </c>
      <c r="AS9">
        <v>0</v>
      </c>
      <c r="AT9" t="s">
        <v>119</v>
      </c>
      <c r="AU9" t="s">
        <v>119</v>
      </c>
      <c r="AV9">
        <v>0</v>
      </c>
      <c r="AW9" t="s">
        <v>119</v>
      </c>
      <c r="AX9">
        <v>0</v>
      </c>
    </row>
    <row r="10" spans="1:50" ht="17.5">
      <c r="A10">
        <v>5</v>
      </c>
      <c r="B10" t="s">
        <v>123</v>
      </c>
      <c r="C10" t="s">
        <v>124</v>
      </c>
      <c r="D10" s="5" t="s">
        <v>122</v>
      </c>
      <c r="E10" s="6">
        <v>5</v>
      </c>
      <c r="F10">
        <v>22</v>
      </c>
      <c r="G10" s="1">
        <v>3.5200000000000005</v>
      </c>
      <c r="H10" t="s">
        <v>119</v>
      </c>
      <c r="I10" t="s">
        <v>119</v>
      </c>
      <c r="J10" t="s">
        <v>119</v>
      </c>
      <c r="K10" t="s">
        <v>119</v>
      </c>
      <c r="L10" t="s">
        <v>119</v>
      </c>
      <c r="M10" t="s">
        <v>119</v>
      </c>
      <c r="N10">
        <v>0</v>
      </c>
      <c r="O10" t="s">
        <v>119</v>
      </c>
      <c r="P10" t="s">
        <v>119</v>
      </c>
      <c r="Q10" t="s">
        <v>119</v>
      </c>
      <c r="R10" t="s">
        <v>119</v>
      </c>
      <c r="S10" t="s">
        <v>119</v>
      </c>
      <c r="T10">
        <v>0</v>
      </c>
      <c r="U10" t="s">
        <v>119</v>
      </c>
      <c r="V10" t="s">
        <v>119</v>
      </c>
      <c r="W10" t="s">
        <v>119</v>
      </c>
      <c r="X10" t="s">
        <v>119</v>
      </c>
      <c r="Y10">
        <v>0</v>
      </c>
      <c r="Z10" t="s">
        <v>119</v>
      </c>
      <c r="AA10" t="s">
        <v>119</v>
      </c>
      <c r="AB10" t="s">
        <v>119</v>
      </c>
      <c r="AC10" t="s">
        <v>119</v>
      </c>
      <c r="AD10">
        <v>0</v>
      </c>
      <c r="AE10" t="s">
        <v>119</v>
      </c>
      <c r="AF10">
        <v>0</v>
      </c>
      <c r="AG10">
        <v>0</v>
      </c>
      <c r="AH10" t="s">
        <v>119</v>
      </c>
      <c r="AI10" t="s">
        <v>119</v>
      </c>
      <c r="AJ10" t="s">
        <v>119</v>
      </c>
      <c r="AK10">
        <v>0</v>
      </c>
      <c r="AL10" t="s">
        <v>119</v>
      </c>
      <c r="AM10" t="s">
        <v>119</v>
      </c>
      <c r="AN10" t="s">
        <v>119</v>
      </c>
      <c r="AO10" t="s">
        <v>119</v>
      </c>
      <c r="AP10" t="s">
        <v>119</v>
      </c>
      <c r="AQ10" t="s">
        <v>119</v>
      </c>
      <c r="AR10">
        <v>0</v>
      </c>
      <c r="AS10" t="s">
        <v>119</v>
      </c>
      <c r="AT10" t="s">
        <v>119</v>
      </c>
      <c r="AU10" t="s">
        <v>119</v>
      </c>
      <c r="AV10">
        <v>0</v>
      </c>
      <c r="AW10" t="s">
        <v>119</v>
      </c>
      <c r="AX10">
        <v>0</v>
      </c>
    </row>
    <row r="11" spans="1:50" ht="17.5">
      <c r="A11">
        <v>6</v>
      </c>
      <c r="B11" t="s">
        <v>125</v>
      </c>
      <c r="C11" t="s">
        <v>126</v>
      </c>
      <c r="D11" s="5" t="s">
        <v>127</v>
      </c>
      <c r="E11" s="6">
        <v>7</v>
      </c>
      <c r="F11">
        <v>23</v>
      </c>
      <c r="G11" s="1">
        <v>2.628571428571429</v>
      </c>
      <c r="H11" t="s">
        <v>119</v>
      </c>
      <c r="I11" t="s">
        <v>119</v>
      </c>
      <c r="J11" t="s">
        <v>119</v>
      </c>
      <c r="K11" t="s">
        <v>119</v>
      </c>
      <c r="L11" t="s">
        <v>119</v>
      </c>
      <c r="M11" t="s">
        <v>119</v>
      </c>
      <c r="N11" t="s">
        <v>119</v>
      </c>
      <c r="O11" t="s">
        <v>119</v>
      </c>
      <c r="P11" t="s">
        <v>119</v>
      </c>
      <c r="Q11" t="s">
        <v>119</v>
      </c>
      <c r="R11" t="s">
        <v>119</v>
      </c>
      <c r="S11">
        <v>0</v>
      </c>
      <c r="T11">
        <v>0</v>
      </c>
      <c r="U11" t="s">
        <v>119</v>
      </c>
      <c r="V11" t="s">
        <v>119</v>
      </c>
      <c r="W11" t="s">
        <v>119</v>
      </c>
      <c r="X11" t="s">
        <v>119</v>
      </c>
      <c r="Y11">
        <v>0</v>
      </c>
      <c r="Z11" t="s">
        <v>119</v>
      </c>
      <c r="AA11" t="s">
        <v>119</v>
      </c>
      <c r="AB11" t="s">
        <v>119</v>
      </c>
      <c r="AC11" t="s">
        <v>119</v>
      </c>
      <c r="AD11">
        <v>0</v>
      </c>
      <c r="AE11" t="s">
        <v>119</v>
      </c>
      <c r="AF11">
        <v>0</v>
      </c>
      <c r="AG11">
        <v>0</v>
      </c>
      <c r="AH11" t="s">
        <v>119</v>
      </c>
      <c r="AI11" t="s">
        <v>119</v>
      </c>
      <c r="AJ11" t="s">
        <v>119</v>
      </c>
      <c r="AK11">
        <v>0</v>
      </c>
      <c r="AL11" t="s">
        <v>119</v>
      </c>
      <c r="AM11">
        <v>0</v>
      </c>
      <c r="AN11" t="s">
        <v>119</v>
      </c>
      <c r="AO11" t="s">
        <v>119</v>
      </c>
      <c r="AP11" t="s">
        <v>119</v>
      </c>
      <c r="AQ11" t="s">
        <v>119</v>
      </c>
      <c r="AR11">
        <v>0</v>
      </c>
      <c r="AS11" t="s">
        <v>119</v>
      </c>
      <c r="AT11" t="s">
        <v>119</v>
      </c>
      <c r="AU11" t="s">
        <v>119</v>
      </c>
      <c r="AV11">
        <v>0</v>
      </c>
      <c r="AW11" t="s">
        <v>119</v>
      </c>
      <c r="AX11">
        <v>0</v>
      </c>
    </row>
    <row r="12" spans="1:50" ht="17.5">
      <c r="A12">
        <v>6</v>
      </c>
      <c r="B12" t="s">
        <v>128</v>
      </c>
      <c r="C12" t="s">
        <v>129</v>
      </c>
      <c r="D12" s="5" t="s">
        <v>127</v>
      </c>
      <c r="E12" s="6">
        <v>4</v>
      </c>
      <c r="F12">
        <v>23</v>
      </c>
      <c r="G12" s="1">
        <v>4.6000000000000005</v>
      </c>
      <c r="H12" t="s">
        <v>119</v>
      </c>
      <c r="I12" t="s">
        <v>119</v>
      </c>
      <c r="J12" t="s">
        <v>119</v>
      </c>
      <c r="K12" t="s">
        <v>119</v>
      </c>
      <c r="L12" t="s">
        <v>119</v>
      </c>
      <c r="M12" t="s">
        <v>119</v>
      </c>
      <c r="N12">
        <v>0</v>
      </c>
      <c r="O12" t="s">
        <v>119</v>
      </c>
      <c r="P12" t="s">
        <v>119</v>
      </c>
      <c r="Q12" t="s">
        <v>119</v>
      </c>
      <c r="R12" t="s">
        <v>119</v>
      </c>
      <c r="S12" t="s">
        <v>119</v>
      </c>
      <c r="T12" t="s">
        <v>119</v>
      </c>
      <c r="U12" t="s">
        <v>119</v>
      </c>
      <c r="V12" t="s">
        <v>119</v>
      </c>
      <c r="W12" t="s">
        <v>119</v>
      </c>
      <c r="X12" t="s">
        <v>119</v>
      </c>
      <c r="Y12" t="s">
        <v>119</v>
      </c>
      <c r="Z12" t="s">
        <v>119</v>
      </c>
      <c r="AA12" t="s">
        <v>119</v>
      </c>
      <c r="AB12" t="s">
        <v>119</v>
      </c>
      <c r="AC12" t="s">
        <v>119</v>
      </c>
      <c r="AD12">
        <v>0</v>
      </c>
      <c r="AE12">
        <v>0</v>
      </c>
      <c r="AF12" t="s">
        <v>119</v>
      </c>
      <c r="AG12">
        <v>0</v>
      </c>
      <c r="AH12" t="s">
        <v>119</v>
      </c>
      <c r="AI12" t="s">
        <v>119</v>
      </c>
      <c r="AJ12" t="s">
        <v>119</v>
      </c>
      <c r="AK12">
        <v>0</v>
      </c>
      <c r="AL12" t="s">
        <v>119</v>
      </c>
      <c r="AM12">
        <v>0</v>
      </c>
      <c r="AN12" t="s">
        <v>119</v>
      </c>
      <c r="AO12">
        <v>0</v>
      </c>
      <c r="AP12" t="s">
        <v>119</v>
      </c>
      <c r="AQ12" t="s">
        <v>119</v>
      </c>
      <c r="AR12">
        <v>0</v>
      </c>
      <c r="AS12" t="s">
        <v>119</v>
      </c>
      <c r="AT12" t="s">
        <v>119</v>
      </c>
      <c r="AU12" t="s">
        <v>119</v>
      </c>
      <c r="AV12">
        <v>0</v>
      </c>
      <c r="AW12" t="s">
        <v>119</v>
      </c>
      <c r="AX12" t="s">
        <v>119</v>
      </c>
    </row>
    <row r="13" spans="1:50" ht="17.5">
      <c r="A13">
        <v>7</v>
      </c>
      <c r="B13" t="s">
        <v>130</v>
      </c>
      <c r="C13" t="s">
        <v>131</v>
      </c>
      <c r="D13" s="5" t="s">
        <v>103</v>
      </c>
      <c r="E13" s="6">
        <v>4</v>
      </c>
      <c r="F13">
        <v>24</v>
      </c>
      <c r="G13" s="1">
        <v>4.8000000000000007</v>
      </c>
      <c r="H13" t="s">
        <v>119</v>
      </c>
      <c r="I13" t="s">
        <v>119</v>
      </c>
      <c r="J13">
        <v>0</v>
      </c>
      <c r="K13" t="s">
        <v>119</v>
      </c>
      <c r="L13" t="s">
        <v>119</v>
      </c>
      <c r="M13" t="s">
        <v>119</v>
      </c>
      <c r="N13" t="s">
        <v>119</v>
      </c>
      <c r="O13" t="s">
        <v>119</v>
      </c>
      <c r="P13" t="s">
        <v>119</v>
      </c>
      <c r="Q13" t="s">
        <v>119</v>
      </c>
      <c r="R13" t="s">
        <v>119</v>
      </c>
      <c r="S13" t="s">
        <v>119</v>
      </c>
      <c r="T13">
        <v>0</v>
      </c>
      <c r="U13" t="s">
        <v>119</v>
      </c>
      <c r="V13" t="s">
        <v>119</v>
      </c>
      <c r="W13" t="s">
        <v>119</v>
      </c>
      <c r="X13" t="s">
        <v>119</v>
      </c>
      <c r="Y13">
        <v>0</v>
      </c>
      <c r="Z13" t="s">
        <v>119</v>
      </c>
      <c r="AA13" t="s">
        <v>119</v>
      </c>
      <c r="AB13" t="s">
        <v>119</v>
      </c>
      <c r="AC13" t="s">
        <v>119</v>
      </c>
      <c r="AD13">
        <v>0</v>
      </c>
      <c r="AE13">
        <v>0</v>
      </c>
      <c r="AF13">
        <v>0</v>
      </c>
      <c r="AG13">
        <v>0</v>
      </c>
      <c r="AH13" t="s">
        <v>119</v>
      </c>
      <c r="AI13" t="s">
        <v>119</v>
      </c>
      <c r="AJ13" t="s">
        <v>119</v>
      </c>
      <c r="AK13">
        <v>0</v>
      </c>
      <c r="AL13" t="s">
        <v>119</v>
      </c>
      <c r="AM13" t="s">
        <v>119</v>
      </c>
      <c r="AN13" t="s">
        <v>119</v>
      </c>
      <c r="AO13" t="s">
        <v>119</v>
      </c>
      <c r="AP13" t="s">
        <v>119</v>
      </c>
      <c r="AQ13" t="s">
        <v>119</v>
      </c>
      <c r="AR13">
        <v>0</v>
      </c>
      <c r="AS13">
        <v>0</v>
      </c>
      <c r="AT13" t="s">
        <v>119</v>
      </c>
      <c r="AU13" t="s">
        <v>119</v>
      </c>
      <c r="AV13">
        <v>0</v>
      </c>
      <c r="AW13" t="s">
        <v>119</v>
      </c>
      <c r="AX13" t="s">
        <v>119</v>
      </c>
    </row>
    <row r="14" spans="1:50" ht="17.5">
      <c r="A14">
        <v>7</v>
      </c>
      <c r="B14" t="s">
        <v>132</v>
      </c>
      <c r="C14" t="s">
        <v>133</v>
      </c>
      <c r="D14" s="5" t="s">
        <v>103</v>
      </c>
      <c r="E14" s="6">
        <v>5</v>
      </c>
      <c r="F14">
        <v>24</v>
      </c>
      <c r="G14" s="1">
        <v>3.8400000000000007</v>
      </c>
      <c r="H14" t="s">
        <v>119</v>
      </c>
      <c r="I14" t="s">
        <v>119</v>
      </c>
      <c r="J14">
        <v>0</v>
      </c>
      <c r="K14" t="s">
        <v>119</v>
      </c>
      <c r="L14" t="s">
        <v>119</v>
      </c>
      <c r="M14" t="s">
        <v>119</v>
      </c>
      <c r="N14">
        <v>0</v>
      </c>
      <c r="O14" t="s">
        <v>119</v>
      </c>
      <c r="P14" t="s">
        <v>119</v>
      </c>
      <c r="Q14" t="s">
        <v>119</v>
      </c>
      <c r="R14" t="s">
        <v>119</v>
      </c>
      <c r="S14" t="s">
        <v>119</v>
      </c>
      <c r="T14">
        <v>0</v>
      </c>
      <c r="U14" t="s">
        <v>119</v>
      </c>
      <c r="V14" t="s">
        <v>119</v>
      </c>
      <c r="W14" t="s">
        <v>119</v>
      </c>
      <c r="X14" t="s">
        <v>119</v>
      </c>
      <c r="Y14" t="s">
        <v>119</v>
      </c>
      <c r="Z14" t="s">
        <v>119</v>
      </c>
      <c r="AA14">
        <v>0</v>
      </c>
      <c r="AB14" t="s">
        <v>119</v>
      </c>
      <c r="AC14" t="s">
        <v>119</v>
      </c>
      <c r="AD14">
        <v>0</v>
      </c>
      <c r="AE14">
        <v>0</v>
      </c>
      <c r="AF14">
        <v>0</v>
      </c>
      <c r="AG14">
        <v>0</v>
      </c>
      <c r="AH14" t="s">
        <v>119</v>
      </c>
      <c r="AI14" t="s">
        <v>119</v>
      </c>
      <c r="AJ14" t="s">
        <v>119</v>
      </c>
      <c r="AK14">
        <v>0</v>
      </c>
      <c r="AL14">
        <v>0</v>
      </c>
      <c r="AM14">
        <v>0</v>
      </c>
      <c r="AN14" t="s">
        <v>119</v>
      </c>
      <c r="AO14">
        <v>0</v>
      </c>
      <c r="AP14">
        <v>0</v>
      </c>
      <c r="AQ14">
        <v>0</v>
      </c>
      <c r="AR14">
        <v>0</v>
      </c>
      <c r="AS14">
        <v>0</v>
      </c>
      <c r="AT14" t="s">
        <v>119</v>
      </c>
      <c r="AU14" t="s">
        <v>119</v>
      </c>
      <c r="AV14">
        <v>0</v>
      </c>
      <c r="AW14" t="s">
        <v>119</v>
      </c>
      <c r="AX14">
        <v>0</v>
      </c>
    </row>
    <row r="15" spans="1:50" ht="17.5">
      <c r="A15">
        <v>7</v>
      </c>
      <c r="B15" t="s">
        <v>132</v>
      </c>
      <c r="C15" t="s">
        <v>134</v>
      </c>
      <c r="D15" s="5" t="s">
        <v>103</v>
      </c>
      <c r="E15" s="6">
        <v>5</v>
      </c>
      <c r="F15">
        <v>24</v>
      </c>
      <c r="G15" s="1">
        <v>3.8400000000000007</v>
      </c>
      <c r="H15" t="s">
        <v>119</v>
      </c>
      <c r="I15" t="s">
        <v>119</v>
      </c>
      <c r="J15" t="s">
        <v>119</v>
      </c>
      <c r="K15" t="s">
        <v>119</v>
      </c>
      <c r="L15" t="s">
        <v>119</v>
      </c>
      <c r="M15" t="s">
        <v>119</v>
      </c>
      <c r="N15">
        <v>0</v>
      </c>
      <c r="O15" t="s">
        <v>119</v>
      </c>
      <c r="P15">
        <v>0</v>
      </c>
      <c r="Q15" t="s">
        <v>119</v>
      </c>
      <c r="R15" t="s">
        <v>119</v>
      </c>
      <c r="S15" t="s">
        <v>119</v>
      </c>
      <c r="T15">
        <v>0</v>
      </c>
      <c r="U15" t="s">
        <v>119</v>
      </c>
      <c r="V15" t="s">
        <v>119</v>
      </c>
      <c r="W15" t="s">
        <v>119</v>
      </c>
      <c r="X15">
        <v>4</v>
      </c>
      <c r="Y15" t="s">
        <v>119</v>
      </c>
      <c r="Z15" t="s">
        <v>119</v>
      </c>
      <c r="AA15" t="s">
        <v>119</v>
      </c>
      <c r="AB15" t="s">
        <v>119</v>
      </c>
      <c r="AC15" t="s">
        <v>119</v>
      </c>
      <c r="AD15">
        <v>0</v>
      </c>
      <c r="AE15" t="s">
        <v>119</v>
      </c>
      <c r="AF15">
        <v>0</v>
      </c>
      <c r="AG15">
        <v>0</v>
      </c>
      <c r="AH15">
        <v>0</v>
      </c>
      <c r="AI15" t="s">
        <v>119</v>
      </c>
      <c r="AJ15" t="s">
        <v>119</v>
      </c>
      <c r="AK15">
        <v>0</v>
      </c>
      <c r="AL15">
        <v>5</v>
      </c>
      <c r="AM15">
        <v>0</v>
      </c>
      <c r="AN15" t="s">
        <v>119</v>
      </c>
      <c r="AO15">
        <v>0</v>
      </c>
      <c r="AP15" t="s">
        <v>119</v>
      </c>
      <c r="AQ15" t="s">
        <v>119</v>
      </c>
      <c r="AR15">
        <v>0</v>
      </c>
      <c r="AS15" t="s">
        <v>119</v>
      </c>
      <c r="AT15" t="s">
        <v>119</v>
      </c>
      <c r="AU15" t="s">
        <v>119</v>
      </c>
      <c r="AV15">
        <v>0</v>
      </c>
      <c r="AW15" t="s">
        <v>119</v>
      </c>
      <c r="AX15">
        <v>0</v>
      </c>
    </row>
    <row r="16" spans="1:50" ht="17.5">
      <c r="A16">
        <v>8</v>
      </c>
      <c r="B16" t="s">
        <v>135</v>
      </c>
      <c r="C16" t="s">
        <v>136</v>
      </c>
      <c r="D16" s="5" t="s">
        <v>137</v>
      </c>
      <c r="E16" s="6">
        <v>6</v>
      </c>
      <c r="F16">
        <v>25</v>
      </c>
      <c r="G16" s="1">
        <v>3.3333333333333335</v>
      </c>
      <c r="H16" t="s">
        <v>119</v>
      </c>
      <c r="I16" t="s">
        <v>119</v>
      </c>
      <c r="J16" t="s">
        <v>119</v>
      </c>
      <c r="K16" t="s">
        <v>119</v>
      </c>
      <c r="L16">
        <v>0</v>
      </c>
      <c r="M16" t="s">
        <v>119</v>
      </c>
      <c r="N16" t="s">
        <v>119</v>
      </c>
      <c r="O16" t="s">
        <v>119</v>
      </c>
      <c r="P16">
        <v>0</v>
      </c>
      <c r="Q16" t="s">
        <v>119</v>
      </c>
      <c r="R16">
        <v>0</v>
      </c>
      <c r="S16">
        <v>0</v>
      </c>
      <c r="T16">
        <v>0</v>
      </c>
      <c r="U16" t="s">
        <v>119</v>
      </c>
      <c r="V16" t="s">
        <v>119</v>
      </c>
      <c r="W16" t="s">
        <v>119</v>
      </c>
      <c r="X16" t="s">
        <v>119</v>
      </c>
      <c r="Y16">
        <v>0</v>
      </c>
      <c r="Z16" t="s">
        <v>119</v>
      </c>
      <c r="AA16" t="s">
        <v>119</v>
      </c>
      <c r="AB16" t="s">
        <v>119</v>
      </c>
      <c r="AC16" t="s">
        <v>119</v>
      </c>
      <c r="AD16">
        <v>0</v>
      </c>
      <c r="AE16">
        <v>0</v>
      </c>
      <c r="AF16" t="s">
        <v>119</v>
      </c>
      <c r="AG16">
        <v>0</v>
      </c>
      <c r="AH16">
        <v>0</v>
      </c>
      <c r="AI16" t="s">
        <v>119</v>
      </c>
      <c r="AJ16" t="s">
        <v>119</v>
      </c>
      <c r="AK16">
        <v>0</v>
      </c>
      <c r="AL16">
        <v>3</v>
      </c>
      <c r="AM16">
        <v>0</v>
      </c>
      <c r="AN16" t="s">
        <v>119</v>
      </c>
      <c r="AO16" t="s">
        <v>119</v>
      </c>
      <c r="AP16" t="s">
        <v>119</v>
      </c>
      <c r="AQ16">
        <v>0</v>
      </c>
      <c r="AR16">
        <v>0</v>
      </c>
      <c r="AS16">
        <v>0</v>
      </c>
      <c r="AT16" t="s">
        <v>119</v>
      </c>
      <c r="AU16" t="s">
        <v>119</v>
      </c>
      <c r="AV16">
        <v>0</v>
      </c>
      <c r="AW16" t="s">
        <v>119</v>
      </c>
      <c r="AX16">
        <v>0</v>
      </c>
    </row>
    <row r="17" spans="1:50" ht="17.5">
      <c r="A17">
        <v>8</v>
      </c>
      <c r="B17" t="s">
        <v>138</v>
      </c>
      <c r="C17" t="s">
        <v>139</v>
      </c>
      <c r="D17" s="5" t="s">
        <v>137</v>
      </c>
      <c r="E17" s="6">
        <v>4</v>
      </c>
      <c r="F17">
        <v>25</v>
      </c>
      <c r="G17" s="1">
        <v>5</v>
      </c>
      <c r="H17" t="s">
        <v>119</v>
      </c>
      <c r="I17" t="s">
        <v>119</v>
      </c>
      <c r="J17" t="s">
        <v>119</v>
      </c>
      <c r="K17" t="s">
        <v>119</v>
      </c>
      <c r="L17" t="s">
        <v>119</v>
      </c>
      <c r="M17" t="s">
        <v>119</v>
      </c>
      <c r="N17">
        <v>0</v>
      </c>
      <c r="O17" t="s">
        <v>119</v>
      </c>
      <c r="P17" t="s">
        <v>119</v>
      </c>
      <c r="Q17" t="s">
        <v>119</v>
      </c>
      <c r="R17" t="s">
        <v>119</v>
      </c>
      <c r="S17" t="s">
        <v>119</v>
      </c>
      <c r="T17" t="s">
        <v>119</v>
      </c>
      <c r="U17" t="s">
        <v>119</v>
      </c>
      <c r="V17" t="s">
        <v>119</v>
      </c>
      <c r="W17">
        <v>0</v>
      </c>
      <c r="X17" t="s">
        <v>119</v>
      </c>
      <c r="Y17">
        <v>0</v>
      </c>
      <c r="Z17" t="s">
        <v>119</v>
      </c>
      <c r="AA17">
        <v>0</v>
      </c>
      <c r="AB17" t="s">
        <v>119</v>
      </c>
      <c r="AC17" t="s">
        <v>119</v>
      </c>
      <c r="AD17">
        <v>0</v>
      </c>
      <c r="AE17" t="s">
        <v>119</v>
      </c>
      <c r="AF17">
        <v>0</v>
      </c>
      <c r="AG17">
        <v>0</v>
      </c>
      <c r="AH17">
        <v>0</v>
      </c>
      <c r="AI17" t="s">
        <v>119</v>
      </c>
      <c r="AJ17" t="s">
        <v>119</v>
      </c>
      <c r="AK17">
        <v>0</v>
      </c>
      <c r="AL17" t="s">
        <v>119</v>
      </c>
      <c r="AM17">
        <v>0</v>
      </c>
      <c r="AN17" t="s">
        <v>119</v>
      </c>
      <c r="AO17" t="s">
        <v>119</v>
      </c>
      <c r="AP17" t="s">
        <v>119</v>
      </c>
      <c r="AQ17" t="s">
        <v>119</v>
      </c>
      <c r="AR17">
        <v>0</v>
      </c>
      <c r="AS17">
        <v>0</v>
      </c>
      <c r="AT17" t="s">
        <v>119</v>
      </c>
      <c r="AU17" t="s">
        <v>119</v>
      </c>
      <c r="AV17">
        <v>0</v>
      </c>
      <c r="AW17" t="s">
        <v>119</v>
      </c>
      <c r="AX17">
        <v>0</v>
      </c>
    </row>
    <row r="18" spans="1:50" ht="17.5">
      <c r="A18">
        <v>8</v>
      </c>
      <c r="B18" t="s">
        <v>128</v>
      </c>
      <c r="C18" t="s">
        <v>140</v>
      </c>
      <c r="D18" s="5" t="s">
        <v>137</v>
      </c>
      <c r="E18" s="6">
        <v>5</v>
      </c>
      <c r="F18">
        <v>25</v>
      </c>
      <c r="G18" s="1">
        <v>4</v>
      </c>
      <c r="H18" t="s">
        <v>119</v>
      </c>
      <c r="I18" t="s">
        <v>119</v>
      </c>
      <c r="J18" t="s">
        <v>119</v>
      </c>
      <c r="K18" t="s">
        <v>119</v>
      </c>
      <c r="L18" t="s">
        <v>119</v>
      </c>
      <c r="M18" t="s">
        <v>119</v>
      </c>
      <c r="N18">
        <v>0</v>
      </c>
      <c r="O18" t="s">
        <v>119</v>
      </c>
      <c r="P18" t="s">
        <v>119</v>
      </c>
      <c r="Q18" t="s">
        <v>119</v>
      </c>
      <c r="R18" t="s">
        <v>119</v>
      </c>
      <c r="S18" t="s">
        <v>119</v>
      </c>
      <c r="T18" t="s">
        <v>119</v>
      </c>
      <c r="U18" t="s">
        <v>119</v>
      </c>
      <c r="V18" t="s">
        <v>119</v>
      </c>
      <c r="W18" t="s">
        <v>119</v>
      </c>
      <c r="X18" t="s">
        <v>119</v>
      </c>
      <c r="Y18" t="s">
        <v>119</v>
      </c>
      <c r="Z18" t="s">
        <v>119</v>
      </c>
      <c r="AA18" t="s">
        <v>119</v>
      </c>
      <c r="AB18" t="s">
        <v>119</v>
      </c>
      <c r="AC18" t="s">
        <v>119</v>
      </c>
      <c r="AD18">
        <v>0</v>
      </c>
      <c r="AE18">
        <v>0</v>
      </c>
      <c r="AF18" t="s">
        <v>119</v>
      </c>
      <c r="AG18">
        <v>0</v>
      </c>
      <c r="AH18" t="s">
        <v>119</v>
      </c>
      <c r="AI18">
        <v>0</v>
      </c>
      <c r="AJ18" t="s">
        <v>119</v>
      </c>
      <c r="AK18">
        <v>0</v>
      </c>
      <c r="AL18" t="s">
        <v>119</v>
      </c>
      <c r="AM18">
        <v>0</v>
      </c>
      <c r="AN18" t="s">
        <v>119</v>
      </c>
      <c r="AO18">
        <v>0</v>
      </c>
      <c r="AP18">
        <v>0</v>
      </c>
      <c r="AQ18" t="s">
        <v>119</v>
      </c>
      <c r="AR18">
        <v>0</v>
      </c>
      <c r="AS18" t="s">
        <v>119</v>
      </c>
      <c r="AT18" t="s">
        <v>119</v>
      </c>
      <c r="AU18" t="s">
        <v>119</v>
      </c>
      <c r="AV18">
        <v>0</v>
      </c>
      <c r="AW18" t="s">
        <v>119</v>
      </c>
      <c r="AX18" t="s">
        <v>119</v>
      </c>
    </row>
    <row r="19" spans="1:50" ht="17.5">
      <c r="A19">
        <v>9</v>
      </c>
      <c r="B19" t="s">
        <v>120</v>
      </c>
      <c r="C19" t="s">
        <v>141</v>
      </c>
      <c r="D19" s="5" t="s">
        <v>101</v>
      </c>
      <c r="E19" s="6">
        <v>6</v>
      </c>
      <c r="F19">
        <v>26</v>
      </c>
      <c r="G19" s="1">
        <v>3.4666666666666668</v>
      </c>
      <c r="H19" t="s">
        <v>119</v>
      </c>
      <c r="I19" t="s">
        <v>119</v>
      </c>
      <c r="J19" t="s">
        <v>119</v>
      </c>
      <c r="K19" t="s">
        <v>119</v>
      </c>
      <c r="L19" t="s">
        <v>119</v>
      </c>
      <c r="M19" t="s">
        <v>119</v>
      </c>
      <c r="N19" t="s">
        <v>119</v>
      </c>
      <c r="O19">
        <v>0</v>
      </c>
      <c r="P19">
        <v>6</v>
      </c>
      <c r="Q19" t="s">
        <v>119</v>
      </c>
      <c r="R19" t="s">
        <v>119</v>
      </c>
      <c r="S19" t="s">
        <v>119</v>
      </c>
      <c r="T19" t="s">
        <v>119</v>
      </c>
      <c r="U19" t="s">
        <v>119</v>
      </c>
      <c r="V19" t="s">
        <v>119</v>
      </c>
      <c r="W19" t="s">
        <v>119</v>
      </c>
      <c r="X19">
        <v>0</v>
      </c>
      <c r="Y19">
        <v>0</v>
      </c>
      <c r="Z19" t="s">
        <v>119</v>
      </c>
      <c r="AA19" t="s">
        <v>119</v>
      </c>
      <c r="AB19" t="s">
        <v>119</v>
      </c>
      <c r="AC19" t="s">
        <v>119</v>
      </c>
      <c r="AD19">
        <v>0</v>
      </c>
      <c r="AE19">
        <v>0</v>
      </c>
      <c r="AF19">
        <v>0</v>
      </c>
      <c r="AG19">
        <v>0</v>
      </c>
      <c r="AH19">
        <v>0</v>
      </c>
      <c r="AI19">
        <v>0</v>
      </c>
      <c r="AJ19" t="s">
        <v>119</v>
      </c>
      <c r="AK19">
        <v>0</v>
      </c>
      <c r="AL19">
        <v>2</v>
      </c>
      <c r="AM19">
        <v>0</v>
      </c>
      <c r="AN19" t="s">
        <v>119</v>
      </c>
      <c r="AO19">
        <v>0</v>
      </c>
      <c r="AP19">
        <v>0</v>
      </c>
      <c r="AQ19" t="s">
        <v>119</v>
      </c>
      <c r="AR19">
        <v>0</v>
      </c>
      <c r="AS19">
        <v>0</v>
      </c>
      <c r="AT19" t="s">
        <v>119</v>
      </c>
      <c r="AU19" t="s">
        <v>119</v>
      </c>
      <c r="AV19">
        <v>0</v>
      </c>
      <c r="AW19" t="s">
        <v>119</v>
      </c>
      <c r="AX19">
        <v>0</v>
      </c>
    </row>
    <row r="20" spans="1:50" ht="17.5">
      <c r="A20">
        <v>9</v>
      </c>
      <c r="B20" t="s">
        <v>130</v>
      </c>
      <c r="C20" t="s">
        <v>142</v>
      </c>
      <c r="D20" s="5" t="s">
        <v>101</v>
      </c>
      <c r="E20" s="6">
        <v>4</v>
      </c>
      <c r="F20">
        <v>26</v>
      </c>
      <c r="G20" s="1">
        <v>5.2</v>
      </c>
      <c r="H20" t="s">
        <v>119</v>
      </c>
      <c r="I20">
        <v>4</v>
      </c>
      <c r="J20">
        <v>0</v>
      </c>
      <c r="K20" t="s">
        <v>119</v>
      </c>
      <c r="L20" t="s">
        <v>119</v>
      </c>
      <c r="M20" t="s">
        <v>119</v>
      </c>
      <c r="N20">
        <v>0</v>
      </c>
      <c r="O20">
        <v>0</v>
      </c>
      <c r="P20">
        <v>0</v>
      </c>
      <c r="Q20" t="s">
        <v>119</v>
      </c>
      <c r="R20">
        <v>0</v>
      </c>
      <c r="S20" t="s">
        <v>119</v>
      </c>
      <c r="T20">
        <v>0</v>
      </c>
      <c r="U20" t="s">
        <v>119</v>
      </c>
      <c r="V20" t="s">
        <v>119</v>
      </c>
      <c r="W20" t="s">
        <v>119</v>
      </c>
      <c r="X20">
        <v>0</v>
      </c>
      <c r="Y20" t="s">
        <v>119</v>
      </c>
      <c r="Z20" t="s">
        <v>119</v>
      </c>
      <c r="AA20" t="s">
        <v>119</v>
      </c>
      <c r="AB20" t="s">
        <v>119</v>
      </c>
      <c r="AC20" t="s">
        <v>119</v>
      </c>
      <c r="AD20">
        <v>0</v>
      </c>
      <c r="AE20">
        <v>0</v>
      </c>
      <c r="AF20">
        <v>0</v>
      </c>
      <c r="AG20">
        <v>0</v>
      </c>
      <c r="AH20">
        <v>0</v>
      </c>
      <c r="AI20">
        <v>0</v>
      </c>
      <c r="AJ20" t="s">
        <v>119</v>
      </c>
      <c r="AK20">
        <v>0</v>
      </c>
      <c r="AL20">
        <v>0</v>
      </c>
      <c r="AM20">
        <v>0</v>
      </c>
      <c r="AN20" t="s">
        <v>119</v>
      </c>
      <c r="AO20">
        <v>0</v>
      </c>
      <c r="AP20">
        <v>0</v>
      </c>
      <c r="AQ20">
        <v>0</v>
      </c>
      <c r="AR20">
        <v>0</v>
      </c>
      <c r="AS20">
        <v>0</v>
      </c>
      <c r="AT20" t="s">
        <v>119</v>
      </c>
      <c r="AU20" t="s">
        <v>119</v>
      </c>
      <c r="AV20">
        <v>0</v>
      </c>
      <c r="AW20" t="s">
        <v>119</v>
      </c>
      <c r="AX20">
        <v>0</v>
      </c>
    </row>
    <row r="21" spans="1:50" ht="17.5">
      <c r="A21">
        <v>9</v>
      </c>
      <c r="B21" t="s">
        <v>123</v>
      </c>
      <c r="C21" t="s">
        <v>143</v>
      </c>
      <c r="D21" s="5" t="s">
        <v>101</v>
      </c>
      <c r="E21" s="6">
        <v>5</v>
      </c>
      <c r="F21">
        <v>26</v>
      </c>
      <c r="G21" s="1">
        <v>4.16</v>
      </c>
      <c r="H21" t="s">
        <v>119</v>
      </c>
      <c r="I21" t="s">
        <v>119</v>
      </c>
      <c r="J21" t="s">
        <v>119</v>
      </c>
      <c r="K21" t="s">
        <v>119</v>
      </c>
      <c r="L21" t="s">
        <v>119</v>
      </c>
      <c r="M21" t="s">
        <v>119</v>
      </c>
      <c r="N21">
        <v>0</v>
      </c>
      <c r="O21" t="s">
        <v>119</v>
      </c>
      <c r="P21" t="s">
        <v>119</v>
      </c>
      <c r="Q21" t="s">
        <v>119</v>
      </c>
      <c r="R21" t="s">
        <v>119</v>
      </c>
      <c r="S21" t="s">
        <v>119</v>
      </c>
      <c r="T21">
        <v>0</v>
      </c>
      <c r="U21" t="s">
        <v>119</v>
      </c>
      <c r="V21" t="s">
        <v>119</v>
      </c>
      <c r="W21" t="s">
        <v>119</v>
      </c>
      <c r="X21" t="s">
        <v>119</v>
      </c>
      <c r="Y21" t="s">
        <v>119</v>
      </c>
      <c r="Z21" t="s">
        <v>119</v>
      </c>
      <c r="AA21" t="s">
        <v>119</v>
      </c>
      <c r="AB21" t="s">
        <v>119</v>
      </c>
      <c r="AC21" t="s">
        <v>119</v>
      </c>
      <c r="AD21">
        <v>0</v>
      </c>
      <c r="AE21" t="s">
        <v>119</v>
      </c>
      <c r="AF21">
        <v>0</v>
      </c>
      <c r="AG21">
        <v>0</v>
      </c>
      <c r="AH21" t="s">
        <v>119</v>
      </c>
      <c r="AI21" t="s">
        <v>119</v>
      </c>
      <c r="AJ21" t="s">
        <v>119</v>
      </c>
      <c r="AK21">
        <v>0</v>
      </c>
      <c r="AL21">
        <v>0</v>
      </c>
      <c r="AM21" t="s">
        <v>119</v>
      </c>
      <c r="AN21" t="s">
        <v>119</v>
      </c>
      <c r="AO21" t="s">
        <v>119</v>
      </c>
      <c r="AP21" t="s">
        <v>119</v>
      </c>
      <c r="AQ21" t="s">
        <v>119</v>
      </c>
      <c r="AR21">
        <v>0</v>
      </c>
      <c r="AS21" t="s">
        <v>119</v>
      </c>
      <c r="AT21" t="s">
        <v>119</v>
      </c>
      <c r="AU21" t="s">
        <v>119</v>
      </c>
      <c r="AV21">
        <v>0</v>
      </c>
      <c r="AW21" t="s">
        <v>119</v>
      </c>
      <c r="AX21" t="s">
        <v>119</v>
      </c>
    </row>
    <row r="22" spans="1:50" ht="17.5">
      <c r="A22">
        <v>9</v>
      </c>
      <c r="B22" t="s">
        <v>132</v>
      </c>
      <c r="C22" t="s">
        <v>144</v>
      </c>
      <c r="D22" s="5" t="s">
        <v>101</v>
      </c>
      <c r="E22" s="6">
        <v>4</v>
      </c>
      <c r="F22">
        <v>26</v>
      </c>
      <c r="G22" s="1">
        <v>5.2</v>
      </c>
      <c r="H22" t="s">
        <v>119</v>
      </c>
      <c r="I22" t="s">
        <v>119</v>
      </c>
      <c r="J22">
        <v>0</v>
      </c>
      <c r="K22" t="s">
        <v>119</v>
      </c>
      <c r="L22" t="s">
        <v>119</v>
      </c>
      <c r="M22" t="s">
        <v>119</v>
      </c>
      <c r="N22">
        <v>0</v>
      </c>
      <c r="O22" t="s">
        <v>119</v>
      </c>
      <c r="P22" t="s">
        <v>119</v>
      </c>
      <c r="Q22" t="s">
        <v>119</v>
      </c>
      <c r="R22" t="s">
        <v>119</v>
      </c>
      <c r="S22" t="s">
        <v>119</v>
      </c>
      <c r="T22" t="s">
        <v>119</v>
      </c>
      <c r="U22" t="s">
        <v>119</v>
      </c>
      <c r="V22" t="s">
        <v>119</v>
      </c>
      <c r="W22" t="s">
        <v>119</v>
      </c>
      <c r="X22" t="s">
        <v>119</v>
      </c>
      <c r="Y22">
        <v>0</v>
      </c>
      <c r="Z22" t="s">
        <v>119</v>
      </c>
      <c r="AA22" t="s">
        <v>119</v>
      </c>
      <c r="AB22" t="s">
        <v>119</v>
      </c>
      <c r="AC22" t="s">
        <v>119</v>
      </c>
      <c r="AD22">
        <v>0</v>
      </c>
      <c r="AE22">
        <v>0</v>
      </c>
      <c r="AF22">
        <v>0</v>
      </c>
      <c r="AG22">
        <v>0</v>
      </c>
      <c r="AH22" t="s">
        <v>119</v>
      </c>
      <c r="AI22" t="s">
        <v>119</v>
      </c>
      <c r="AJ22" t="s">
        <v>119</v>
      </c>
      <c r="AK22">
        <v>0</v>
      </c>
      <c r="AL22" t="s">
        <v>119</v>
      </c>
      <c r="AM22">
        <v>0</v>
      </c>
      <c r="AN22" t="s">
        <v>119</v>
      </c>
      <c r="AO22">
        <v>0</v>
      </c>
      <c r="AP22" t="s">
        <v>119</v>
      </c>
      <c r="AQ22">
        <v>0</v>
      </c>
      <c r="AR22">
        <v>0</v>
      </c>
      <c r="AS22">
        <v>0</v>
      </c>
      <c r="AT22" t="s">
        <v>119</v>
      </c>
      <c r="AU22" t="s">
        <v>119</v>
      </c>
      <c r="AV22">
        <v>0</v>
      </c>
      <c r="AW22" t="s">
        <v>119</v>
      </c>
      <c r="AX22" t="s">
        <v>119</v>
      </c>
    </row>
    <row r="23" spans="1:50" ht="17.5">
      <c r="A23">
        <v>10</v>
      </c>
      <c r="B23" t="s">
        <v>145</v>
      </c>
      <c r="C23" t="s">
        <v>146</v>
      </c>
      <c r="D23" s="5" t="s">
        <v>147</v>
      </c>
      <c r="E23" s="6">
        <v>6</v>
      </c>
      <c r="F23">
        <v>27</v>
      </c>
      <c r="G23" s="1">
        <v>3.6</v>
      </c>
      <c r="H23" t="s">
        <v>119</v>
      </c>
      <c r="I23" t="s">
        <v>119</v>
      </c>
      <c r="J23">
        <v>0</v>
      </c>
      <c r="K23" t="s">
        <v>119</v>
      </c>
      <c r="L23" t="s">
        <v>119</v>
      </c>
      <c r="M23" t="s">
        <v>119</v>
      </c>
      <c r="N23" t="s">
        <v>119</v>
      </c>
      <c r="O23" t="s">
        <v>119</v>
      </c>
      <c r="P23" t="s">
        <v>119</v>
      </c>
      <c r="Q23" t="s">
        <v>119</v>
      </c>
      <c r="R23" t="s">
        <v>119</v>
      </c>
      <c r="S23" t="s">
        <v>119</v>
      </c>
      <c r="T23" t="s">
        <v>119</v>
      </c>
      <c r="U23" t="s">
        <v>119</v>
      </c>
      <c r="V23" t="s">
        <v>119</v>
      </c>
      <c r="W23" t="s">
        <v>119</v>
      </c>
      <c r="X23" t="s">
        <v>119</v>
      </c>
      <c r="Y23">
        <v>6</v>
      </c>
      <c r="Z23" t="s">
        <v>119</v>
      </c>
      <c r="AA23" t="s">
        <v>119</v>
      </c>
      <c r="AB23" t="s">
        <v>119</v>
      </c>
      <c r="AC23" t="s">
        <v>119</v>
      </c>
      <c r="AD23">
        <v>0</v>
      </c>
      <c r="AE23">
        <v>0</v>
      </c>
      <c r="AF23">
        <v>0</v>
      </c>
      <c r="AG23">
        <v>0</v>
      </c>
      <c r="AH23">
        <v>0</v>
      </c>
      <c r="AI23" t="s">
        <v>119</v>
      </c>
      <c r="AJ23" t="s">
        <v>119</v>
      </c>
      <c r="AK23">
        <v>0</v>
      </c>
      <c r="AL23">
        <v>6</v>
      </c>
      <c r="AM23">
        <v>0</v>
      </c>
      <c r="AN23" t="s">
        <v>119</v>
      </c>
      <c r="AO23">
        <v>0</v>
      </c>
      <c r="AP23" t="s">
        <v>119</v>
      </c>
      <c r="AQ23" t="s">
        <v>119</v>
      </c>
      <c r="AR23">
        <v>0</v>
      </c>
      <c r="AS23">
        <v>0</v>
      </c>
      <c r="AT23" t="s">
        <v>119</v>
      </c>
      <c r="AU23" t="s">
        <v>119</v>
      </c>
      <c r="AV23">
        <v>0</v>
      </c>
      <c r="AW23" t="s">
        <v>119</v>
      </c>
      <c r="AX23" t="s">
        <v>119</v>
      </c>
    </row>
    <row r="24" spans="1:50" ht="17.5">
      <c r="A24">
        <v>10</v>
      </c>
      <c r="B24" t="s">
        <v>148</v>
      </c>
      <c r="C24" t="s">
        <v>149</v>
      </c>
      <c r="D24" s="5" t="s">
        <v>147</v>
      </c>
      <c r="E24" s="6">
        <v>7</v>
      </c>
      <c r="F24">
        <v>27</v>
      </c>
      <c r="G24" s="1">
        <v>3.0857142857142859</v>
      </c>
      <c r="H24" t="s">
        <v>119</v>
      </c>
      <c r="I24">
        <v>0</v>
      </c>
      <c r="J24">
        <v>0</v>
      </c>
      <c r="K24" t="s">
        <v>119</v>
      </c>
      <c r="L24">
        <v>0</v>
      </c>
      <c r="M24" t="s">
        <v>119</v>
      </c>
      <c r="N24" t="s">
        <v>119</v>
      </c>
      <c r="O24" t="s">
        <v>119</v>
      </c>
      <c r="P24">
        <v>0</v>
      </c>
      <c r="Q24" t="s">
        <v>119</v>
      </c>
      <c r="R24">
        <v>0</v>
      </c>
      <c r="S24">
        <v>0</v>
      </c>
      <c r="T24">
        <v>0</v>
      </c>
      <c r="U24" t="s">
        <v>119</v>
      </c>
      <c r="V24" t="s">
        <v>119</v>
      </c>
      <c r="W24" t="s">
        <v>119</v>
      </c>
      <c r="X24">
        <v>4</v>
      </c>
      <c r="Y24">
        <v>0</v>
      </c>
      <c r="Z24" t="s">
        <v>119</v>
      </c>
      <c r="AA24" t="s">
        <v>119</v>
      </c>
      <c r="AB24" t="s">
        <v>119</v>
      </c>
      <c r="AC24" t="s">
        <v>119</v>
      </c>
      <c r="AD24">
        <v>0</v>
      </c>
      <c r="AE24">
        <v>0</v>
      </c>
      <c r="AF24">
        <v>0</v>
      </c>
      <c r="AG24">
        <v>0</v>
      </c>
      <c r="AH24">
        <v>0</v>
      </c>
      <c r="AI24" t="s">
        <v>119</v>
      </c>
      <c r="AJ24" t="s">
        <v>119</v>
      </c>
      <c r="AK24">
        <v>0</v>
      </c>
      <c r="AL24">
        <v>6</v>
      </c>
      <c r="AM24">
        <v>0</v>
      </c>
      <c r="AN24" t="s">
        <v>119</v>
      </c>
      <c r="AO24" t="s">
        <v>119</v>
      </c>
      <c r="AP24" t="s">
        <v>119</v>
      </c>
      <c r="AQ24">
        <v>0</v>
      </c>
      <c r="AR24">
        <v>0</v>
      </c>
      <c r="AS24">
        <v>0</v>
      </c>
      <c r="AT24" t="s">
        <v>119</v>
      </c>
      <c r="AU24" t="s">
        <v>119</v>
      </c>
      <c r="AV24">
        <v>0</v>
      </c>
      <c r="AW24" t="s">
        <v>119</v>
      </c>
      <c r="AX24">
        <v>0</v>
      </c>
    </row>
    <row r="25" spans="1:50" ht="17.5">
      <c r="A25">
        <v>10</v>
      </c>
      <c r="B25" t="s">
        <v>128</v>
      </c>
      <c r="C25" t="s">
        <v>150</v>
      </c>
      <c r="D25" s="5" t="s">
        <v>147</v>
      </c>
      <c r="E25" s="6">
        <v>4</v>
      </c>
      <c r="F25">
        <v>27</v>
      </c>
      <c r="G25" s="1">
        <v>5.4</v>
      </c>
      <c r="H25" t="s">
        <v>119</v>
      </c>
      <c r="I25" t="s">
        <v>119</v>
      </c>
      <c r="J25" t="s">
        <v>119</v>
      </c>
      <c r="K25" t="s">
        <v>119</v>
      </c>
      <c r="L25" t="s">
        <v>119</v>
      </c>
      <c r="M25" t="s">
        <v>119</v>
      </c>
      <c r="N25">
        <v>0</v>
      </c>
      <c r="O25" t="s">
        <v>119</v>
      </c>
      <c r="P25" t="s">
        <v>119</v>
      </c>
      <c r="Q25" t="s">
        <v>119</v>
      </c>
      <c r="R25" t="s">
        <v>119</v>
      </c>
      <c r="S25" t="s">
        <v>119</v>
      </c>
      <c r="T25" t="s">
        <v>119</v>
      </c>
      <c r="U25" t="s">
        <v>119</v>
      </c>
      <c r="V25" t="s">
        <v>119</v>
      </c>
      <c r="W25" t="s">
        <v>119</v>
      </c>
      <c r="X25">
        <v>3</v>
      </c>
      <c r="Y25" t="s">
        <v>119</v>
      </c>
      <c r="Z25" t="s">
        <v>119</v>
      </c>
      <c r="AA25" t="s">
        <v>119</v>
      </c>
      <c r="AB25" t="s">
        <v>119</v>
      </c>
      <c r="AC25" t="s">
        <v>119</v>
      </c>
      <c r="AD25">
        <v>0</v>
      </c>
      <c r="AE25">
        <v>0</v>
      </c>
      <c r="AF25" t="s">
        <v>119</v>
      </c>
      <c r="AG25">
        <v>0</v>
      </c>
      <c r="AH25" t="s">
        <v>119</v>
      </c>
      <c r="AI25">
        <v>0</v>
      </c>
      <c r="AJ25" t="s">
        <v>119</v>
      </c>
      <c r="AK25">
        <v>0</v>
      </c>
      <c r="AL25" t="s">
        <v>119</v>
      </c>
      <c r="AM25">
        <v>0</v>
      </c>
      <c r="AN25" t="s">
        <v>119</v>
      </c>
      <c r="AO25">
        <v>0</v>
      </c>
      <c r="AP25">
        <v>0</v>
      </c>
      <c r="AQ25" t="s">
        <v>119</v>
      </c>
      <c r="AR25">
        <v>0</v>
      </c>
      <c r="AS25" t="s">
        <v>119</v>
      </c>
      <c r="AT25" t="s">
        <v>119</v>
      </c>
      <c r="AU25" t="s">
        <v>119</v>
      </c>
      <c r="AV25">
        <v>0</v>
      </c>
      <c r="AW25" t="s">
        <v>119</v>
      </c>
      <c r="AX25" t="s">
        <v>119</v>
      </c>
    </row>
    <row r="26" spans="1:50" ht="17.5">
      <c r="A26">
        <v>11</v>
      </c>
      <c r="B26" t="s">
        <v>145</v>
      </c>
      <c r="C26" t="s">
        <v>151</v>
      </c>
      <c r="D26" s="5" t="s">
        <v>95</v>
      </c>
      <c r="E26" s="6">
        <v>6</v>
      </c>
      <c r="F26">
        <v>28</v>
      </c>
      <c r="G26" s="1">
        <v>3.7333333333333338</v>
      </c>
      <c r="H26" t="s">
        <v>119</v>
      </c>
      <c r="I26" t="s">
        <v>119</v>
      </c>
      <c r="J26" t="s">
        <v>119</v>
      </c>
      <c r="K26" t="s">
        <v>119</v>
      </c>
      <c r="L26" t="s">
        <v>119</v>
      </c>
      <c r="M26" t="s">
        <v>119</v>
      </c>
      <c r="N26" t="s">
        <v>119</v>
      </c>
      <c r="O26" t="s">
        <v>119</v>
      </c>
      <c r="P26" t="s">
        <v>119</v>
      </c>
      <c r="Q26" t="s">
        <v>119</v>
      </c>
      <c r="R26" t="s">
        <v>119</v>
      </c>
      <c r="S26" t="s">
        <v>119</v>
      </c>
      <c r="T26">
        <v>0</v>
      </c>
      <c r="U26" t="s">
        <v>119</v>
      </c>
      <c r="V26" t="s">
        <v>119</v>
      </c>
      <c r="W26" t="s">
        <v>119</v>
      </c>
      <c r="X26" t="s">
        <v>119</v>
      </c>
      <c r="Y26">
        <v>0</v>
      </c>
      <c r="Z26" t="s">
        <v>119</v>
      </c>
      <c r="AA26" t="s">
        <v>119</v>
      </c>
      <c r="AB26" t="s">
        <v>119</v>
      </c>
      <c r="AC26" t="s">
        <v>119</v>
      </c>
      <c r="AD26">
        <v>0</v>
      </c>
      <c r="AE26">
        <v>0</v>
      </c>
      <c r="AF26">
        <v>0</v>
      </c>
      <c r="AG26">
        <v>0</v>
      </c>
      <c r="AH26">
        <v>0</v>
      </c>
      <c r="AI26" t="s">
        <v>119</v>
      </c>
      <c r="AJ26" t="s">
        <v>119</v>
      </c>
      <c r="AK26">
        <v>0</v>
      </c>
      <c r="AL26">
        <v>6</v>
      </c>
      <c r="AM26">
        <v>0</v>
      </c>
      <c r="AN26" t="s">
        <v>119</v>
      </c>
      <c r="AO26" t="s">
        <v>119</v>
      </c>
      <c r="AP26" t="s">
        <v>119</v>
      </c>
      <c r="AQ26" t="s">
        <v>119</v>
      </c>
      <c r="AR26">
        <v>0</v>
      </c>
      <c r="AS26">
        <v>0</v>
      </c>
      <c r="AT26" t="s">
        <v>119</v>
      </c>
      <c r="AU26" t="s">
        <v>119</v>
      </c>
      <c r="AV26">
        <v>0</v>
      </c>
      <c r="AW26" t="s">
        <v>119</v>
      </c>
      <c r="AX26">
        <v>0</v>
      </c>
    </row>
    <row r="27" spans="1:50" ht="17.5">
      <c r="A27">
        <v>11</v>
      </c>
      <c r="B27" t="s">
        <v>152</v>
      </c>
      <c r="C27" t="s">
        <v>153</v>
      </c>
      <c r="D27" s="5" t="s">
        <v>95</v>
      </c>
      <c r="E27" s="6">
        <v>5</v>
      </c>
      <c r="F27">
        <v>28</v>
      </c>
      <c r="G27" s="1">
        <v>4.4800000000000004</v>
      </c>
      <c r="H27" t="s">
        <v>119</v>
      </c>
      <c r="I27" t="s">
        <v>119</v>
      </c>
      <c r="J27">
        <v>0</v>
      </c>
      <c r="K27" t="s">
        <v>119</v>
      </c>
      <c r="L27" t="s">
        <v>119</v>
      </c>
      <c r="M27" t="s">
        <v>119</v>
      </c>
      <c r="N27" t="s">
        <v>119</v>
      </c>
      <c r="O27">
        <v>0</v>
      </c>
      <c r="P27">
        <v>0</v>
      </c>
      <c r="Q27" t="s">
        <v>119</v>
      </c>
      <c r="R27" t="s">
        <v>119</v>
      </c>
      <c r="S27" t="s">
        <v>119</v>
      </c>
      <c r="T27" t="s">
        <v>119</v>
      </c>
      <c r="U27" t="s">
        <v>119</v>
      </c>
      <c r="V27" t="s">
        <v>119</v>
      </c>
      <c r="W27" t="s">
        <v>119</v>
      </c>
      <c r="X27">
        <v>3</v>
      </c>
      <c r="Y27" t="s">
        <v>119</v>
      </c>
      <c r="Z27" t="s">
        <v>119</v>
      </c>
      <c r="AA27" t="s">
        <v>119</v>
      </c>
      <c r="AB27" t="s">
        <v>119</v>
      </c>
      <c r="AC27" t="s">
        <v>119</v>
      </c>
      <c r="AD27">
        <v>0</v>
      </c>
      <c r="AE27">
        <v>0</v>
      </c>
      <c r="AF27">
        <v>0</v>
      </c>
      <c r="AG27">
        <v>0</v>
      </c>
      <c r="AH27" t="s">
        <v>119</v>
      </c>
      <c r="AI27" t="s">
        <v>119</v>
      </c>
      <c r="AJ27">
        <v>0</v>
      </c>
      <c r="AK27">
        <v>0</v>
      </c>
      <c r="AL27">
        <v>2</v>
      </c>
      <c r="AM27">
        <v>0</v>
      </c>
      <c r="AN27" t="s">
        <v>119</v>
      </c>
      <c r="AO27" t="s">
        <v>119</v>
      </c>
      <c r="AP27" t="s">
        <v>119</v>
      </c>
      <c r="AQ27">
        <v>0</v>
      </c>
      <c r="AR27">
        <v>0</v>
      </c>
      <c r="AS27" t="s">
        <v>119</v>
      </c>
      <c r="AT27" t="s">
        <v>119</v>
      </c>
      <c r="AU27" t="s">
        <v>119</v>
      </c>
      <c r="AV27">
        <v>0</v>
      </c>
      <c r="AW27" t="s">
        <v>119</v>
      </c>
      <c r="AX27">
        <v>0</v>
      </c>
    </row>
    <row r="28" spans="1:50" ht="17.5">
      <c r="A28">
        <v>11</v>
      </c>
      <c r="B28" t="s">
        <v>128</v>
      </c>
      <c r="C28" t="s">
        <v>154</v>
      </c>
      <c r="D28" s="5" t="s">
        <v>95</v>
      </c>
      <c r="E28" s="6">
        <v>7</v>
      </c>
      <c r="F28">
        <v>28</v>
      </c>
      <c r="G28" s="1">
        <v>3.2</v>
      </c>
      <c r="H28" t="s">
        <v>119</v>
      </c>
      <c r="I28" t="s">
        <v>119</v>
      </c>
      <c r="J28" t="s">
        <v>119</v>
      </c>
      <c r="K28" t="s">
        <v>119</v>
      </c>
      <c r="L28" t="s">
        <v>119</v>
      </c>
      <c r="M28" t="s">
        <v>119</v>
      </c>
      <c r="N28">
        <v>0</v>
      </c>
      <c r="O28" t="s">
        <v>119</v>
      </c>
      <c r="P28">
        <v>5</v>
      </c>
      <c r="Q28" t="s">
        <v>119</v>
      </c>
      <c r="R28">
        <v>0</v>
      </c>
      <c r="S28" t="s">
        <v>119</v>
      </c>
      <c r="T28" t="s">
        <v>119</v>
      </c>
      <c r="U28" t="s">
        <v>119</v>
      </c>
      <c r="V28" t="s">
        <v>119</v>
      </c>
      <c r="W28" t="s">
        <v>119</v>
      </c>
      <c r="X28">
        <v>4</v>
      </c>
      <c r="Y28">
        <v>0</v>
      </c>
      <c r="Z28" t="s">
        <v>119</v>
      </c>
      <c r="AA28" t="s">
        <v>119</v>
      </c>
      <c r="AB28" t="s">
        <v>119</v>
      </c>
      <c r="AC28" t="s">
        <v>119</v>
      </c>
      <c r="AD28">
        <v>0</v>
      </c>
      <c r="AE28">
        <v>0</v>
      </c>
      <c r="AF28" t="s">
        <v>119</v>
      </c>
      <c r="AG28">
        <v>0</v>
      </c>
      <c r="AH28" t="s">
        <v>119</v>
      </c>
      <c r="AI28">
        <v>0</v>
      </c>
      <c r="AJ28" t="s">
        <v>119</v>
      </c>
      <c r="AK28">
        <v>0</v>
      </c>
      <c r="AL28">
        <v>0</v>
      </c>
      <c r="AM28">
        <v>0</v>
      </c>
      <c r="AN28" t="s">
        <v>119</v>
      </c>
      <c r="AO28">
        <v>0</v>
      </c>
      <c r="AP28">
        <v>0</v>
      </c>
      <c r="AQ28" t="s">
        <v>119</v>
      </c>
      <c r="AR28">
        <v>0</v>
      </c>
      <c r="AS28" t="s">
        <v>119</v>
      </c>
      <c r="AT28" t="s">
        <v>119</v>
      </c>
      <c r="AU28" t="s">
        <v>119</v>
      </c>
      <c r="AV28">
        <v>0</v>
      </c>
      <c r="AW28" t="s">
        <v>119</v>
      </c>
      <c r="AX28" t="s">
        <v>119</v>
      </c>
    </row>
    <row r="29" spans="1:50" ht="17.5">
      <c r="A29">
        <v>12</v>
      </c>
      <c r="B29" t="s">
        <v>155</v>
      </c>
      <c r="C29" t="s">
        <v>156</v>
      </c>
      <c r="D29" s="5" t="s">
        <v>157</v>
      </c>
      <c r="E29" s="6">
        <v>8</v>
      </c>
      <c r="F29">
        <v>29</v>
      </c>
      <c r="G29" s="1">
        <v>2.9000000000000004</v>
      </c>
      <c r="H29" t="s">
        <v>119</v>
      </c>
      <c r="I29">
        <v>0</v>
      </c>
      <c r="J29">
        <v>0</v>
      </c>
      <c r="K29" t="s">
        <v>119</v>
      </c>
      <c r="L29" t="s">
        <v>119</v>
      </c>
      <c r="M29" t="s">
        <v>119</v>
      </c>
      <c r="N29" t="s">
        <v>119</v>
      </c>
      <c r="O29">
        <v>0</v>
      </c>
      <c r="P29">
        <v>0</v>
      </c>
      <c r="Q29" t="s">
        <v>119</v>
      </c>
      <c r="R29">
        <v>0</v>
      </c>
      <c r="S29" t="s">
        <v>119</v>
      </c>
      <c r="T29">
        <v>0</v>
      </c>
      <c r="U29" t="s">
        <v>119</v>
      </c>
      <c r="V29">
        <v>0</v>
      </c>
      <c r="W29" t="s">
        <v>119</v>
      </c>
      <c r="X29">
        <v>0</v>
      </c>
      <c r="Y29">
        <v>0</v>
      </c>
      <c r="Z29" t="s">
        <v>119</v>
      </c>
      <c r="AA29" t="s">
        <v>119</v>
      </c>
      <c r="AB29" t="s">
        <v>119</v>
      </c>
      <c r="AC29">
        <v>0</v>
      </c>
      <c r="AD29">
        <v>0</v>
      </c>
      <c r="AE29">
        <v>0</v>
      </c>
      <c r="AF29">
        <v>0</v>
      </c>
      <c r="AG29">
        <v>0</v>
      </c>
      <c r="AH29">
        <v>0</v>
      </c>
      <c r="AI29">
        <v>0</v>
      </c>
      <c r="AJ29">
        <v>0</v>
      </c>
      <c r="AK29">
        <v>0</v>
      </c>
      <c r="AL29">
        <v>0</v>
      </c>
      <c r="AM29">
        <v>0</v>
      </c>
      <c r="AN29" t="s">
        <v>119</v>
      </c>
      <c r="AO29">
        <v>0</v>
      </c>
      <c r="AP29">
        <v>0</v>
      </c>
      <c r="AQ29" t="s">
        <v>119</v>
      </c>
      <c r="AR29" t="s">
        <v>119</v>
      </c>
      <c r="AS29">
        <v>0</v>
      </c>
      <c r="AT29" t="s">
        <v>119</v>
      </c>
      <c r="AU29" t="s">
        <v>119</v>
      </c>
      <c r="AV29">
        <v>0</v>
      </c>
      <c r="AW29" t="s">
        <v>119</v>
      </c>
      <c r="AX29" t="s">
        <v>119</v>
      </c>
    </row>
    <row r="30" spans="1:50" ht="17.5">
      <c r="A30">
        <v>12</v>
      </c>
      <c r="B30" t="s">
        <v>130</v>
      </c>
      <c r="C30" t="s">
        <v>158</v>
      </c>
      <c r="D30" s="5" t="s">
        <v>157</v>
      </c>
      <c r="E30" s="6">
        <v>5</v>
      </c>
      <c r="F30">
        <v>29</v>
      </c>
      <c r="G30" s="1">
        <v>4.6400000000000006</v>
      </c>
      <c r="H30" t="s">
        <v>119</v>
      </c>
      <c r="I30" t="s">
        <v>119</v>
      </c>
      <c r="J30" t="s">
        <v>119</v>
      </c>
      <c r="K30" t="s">
        <v>119</v>
      </c>
      <c r="L30">
        <v>0</v>
      </c>
      <c r="M30" t="s">
        <v>119</v>
      </c>
      <c r="N30" t="s">
        <v>119</v>
      </c>
      <c r="O30" t="s">
        <v>119</v>
      </c>
      <c r="P30">
        <v>0</v>
      </c>
      <c r="Q30" t="s">
        <v>119</v>
      </c>
      <c r="R30">
        <v>4</v>
      </c>
      <c r="S30" t="s">
        <v>119</v>
      </c>
      <c r="T30" t="s">
        <v>119</v>
      </c>
      <c r="U30" t="s">
        <v>119</v>
      </c>
      <c r="V30" t="s">
        <v>119</v>
      </c>
      <c r="W30" t="s">
        <v>119</v>
      </c>
      <c r="X30">
        <v>0</v>
      </c>
      <c r="Y30" t="s">
        <v>119</v>
      </c>
      <c r="Z30" t="s">
        <v>119</v>
      </c>
      <c r="AA30" t="s">
        <v>119</v>
      </c>
      <c r="AB30" t="s">
        <v>119</v>
      </c>
      <c r="AC30" t="s">
        <v>119</v>
      </c>
      <c r="AD30">
        <v>0</v>
      </c>
      <c r="AE30">
        <v>0</v>
      </c>
      <c r="AF30" t="s">
        <v>119</v>
      </c>
      <c r="AG30">
        <v>0</v>
      </c>
      <c r="AH30">
        <v>0</v>
      </c>
      <c r="AI30" t="s">
        <v>119</v>
      </c>
      <c r="AJ30" t="s">
        <v>119</v>
      </c>
      <c r="AK30">
        <v>0</v>
      </c>
      <c r="AL30">
        <v>4</v>
      </c>
      <c r="AM30">
        <v>0</v>
      </c>
      <c r="AN30" t="s">
        <v>119</v>
      </c>
      <c r="AO30" t="s">
        <v>119</v>
      </c>
      <c r="AP30" t="s">
        <v>119</v>
      </c>
      <c r="AQ30" t="s">
        <v>119</v>
      </c>
      <c r="AR30">
        <v>0</v>
      </c>
      <c r="AS30">
        <v>0</v>
      </c>
      <c r="AT30" t="s">
        <v>119</v>
      </c>
      <c r="AU30" t="s">
        <v>119</v>
      </c>
      <c r="AV30">
        <v>0</v>
      </c>
      <c r="AW30" t="s">
        <v>119</v>
      </c>
      <c r="AX30" t="s">
        <v>119</v>
      </c>
    </row>
    <row r="31" spans="1:50" ht="17.5">
      <c r="A31">
        <v>12</v>
      </c>
      <c r="B31" t="s">
        <v>128</v>
      </c>
      <c r="C31" t="s">
        <v>159</v>
      </c>
      <c r="D31" s="5" t="s">
        <v>157</v>
      </c>
      <c r="E31" s="6">
        <v>6</v>
      </c>
      <c r="F31">
        <v>29</v>
      </c>
      <c r="G31" s="1">
        <v>3.8666666666666671</v>
      </c>
      <c r="H31" t="s">
        <v>119</v>
      </c>
      <c r="I31">
        <v>0</v>
      </c>
      <c r="J31" t="s">
        <v>119</v>
      </c>
      <c r="K31" t="s">
        <v>119</v>
      </c>
      <c r="L31" t="s">
        <v>119</v>
      </c>
      <c r="M31" t="s">
        <v>119</v>
      </c>
      <c r="N31">
        <v>0</v>
      </c>
      <c r="O31" t="s">
        <v>119</v>
      </c>
      <c r="P31" t="s">
        <v>119</v>
      </c>
      <c r="Q31" t="s">
        <v>119</v>
      </c>
      <c r="R31" t="s">
        <v>119</v>
      </c>
      <c r="S31" t="s">
        <v>119</v>
      </c>
      <c r="T31" t="s">
        <v>119</v>
      </c>
      <c r="U31" t="s">
        <v>119</v>
      </c>
      <c r="V31">
        <v>0</v>
      </c>
      <c r="W31" t="s">
        <v>119</v>
      </c>
      <c r="X31" t="s">
        <v>119</v>
      </c>
      <c r="Y31">
        <v>0</v>
      </c>
      <c r="Z31" t="s">
        <v>119</v>
      </c>
      <c r="AA31" t="s">
        <v>119</v>
      </c>
      <c r="AB31" t="s">
        <v>119</v>
      </c>
      <c r="AC31" t="s">
        <v>119</v>
      </c>
      <c r="AD31">
        <v>0</v>
      </c>
      <c r="AE31">
        <v>0</v>
      </c>
      <c r="AF31" t="s">
        <v>119</v>
      </c>
      <c r="AG31">
        <v>0</v>
      </c>
      <c r="AH31" t="s">
        <v>119</v>
      </c>
      <c r="AI31">
        <v>0</v>
      </c>
      <c r="AJ31" t="s">
        <v>119</v>
      </c>
      <c r="AK31">
        <v>0</v>
      </c>
      <c r="AL31" t="s">
        <v>119</v>
      </c>
      <c r="AM31">
        <v>0</v>
      </c>
      <c r="AN31" t="s">
        <v>119</v>
      </c>
      <c r="AO31">
        <v>0</v>
      </c>
      <c r="AP31">
        <v>0</v>
      </c>
      <c r="AQ31" t="s">
        <v>119</v>
      </c>
      <c r="AR31">
        <v>0</v>
      </c>
      <c r="AS31" t="s">
        <v>119</v>
      </c>
      <c r="AT31" t="s">
        <v>119</v>
      </c>
      <c r="AU31" t="s">
        <v>119</v>
      </c>
      <c r="AV31">
        <v>0</v>
      </c>
      <c r="AW31" t="s">
        <v>119</v>
      </c>
      <c r="AX31" t="s">
        <v>119</v>
      </c>
    </row>
    <row r="32" spans="1:50" ht="17.5">
      <c r="A32">
        <v>12</v>
      </c>
      <c r="B32" t="s">
        <v>132</v>
      </c>
      <c r="C32" t="s">
        <v>160</v>
      </c>
      <c r="D32" s="5" t="s">
        <v>157</v>
      </c>
      <c r="E32" s="6">
        <v>5</v>
      </c>
      <c r="F32">
        <v>29</v>
      </c>
      <c r="G32" s="1">
        <v>4.6400000000000006</v>
      </c>
      <c r="H32" t="s">
        <v>119</v>
      </c>
      <c r="I32" t="s">
        <v>119</v>
      </c>
      <c r="J32">
        <v>0</v>
      </c>
      <c r="K32" t="s">
        <v>119</v>
      </c>
      <c r="L32" t="s">
        <v>119</v>
      </c>
      <c r="M32" t="s">
        <v>119</v>
      </c>
      <c r="N32">
        <v>0</v>
      </c>
      <c r="O32" t="s">
        <v>119</v>
      </c>
      <c r="P32" t="s">
        <v>119</v>
      </c>
      <c r="Q32" t="s">
        <v>119</v>
      </c>
      <c r="R32" t="s">
        <v>119</v>
      </c>
      <c r="S32" t="s">
        <v>119</v>
      </c>
      <c r="T32" t="s">
        <v>119</v>
      </c>
      <c r="U32" t="s">
        <v>119</v>
      </c>
      <c r="V32" t="s">
        <v>119</v>
      </c>
      <c r="W32" t="s">
        <v>119</v>
      </c>
      <c r="X32">
        <v>4</v>
      </c>
      <c r="Y32" t="s">
        <v>119</v>
      </c>
      <c r="Z32" t="s">
        <v>119</v>
      </c>
      <c r="AA32" t="s">
        <v>119</v>
      </c>
      <c r="AB32" t="s">
        <v>119</v>
      </c>
      <c r="AC32" t="s">
        <v>119</v>
      </c>
      <c r="AD32">
        <v>0</v>
      </c>
      <c r="AE32">
        <v>0</v>
      </c>
      <c r="AF32">
        <v>0</v>
      </c>
      <c r="AG32">
        <v>0</v>
      </c>
      <c r="AH32" t="s">
        <v>119</v>
      </c>
      <c r="AI32" t="s">
        <v>119</v>
      </c>
      <c r="AJ32" t="s">
        <v>119</v>
      </c>
      <c r="AK32">
        <v>0</v>
      </c>
      <c r="AL32">
        <v>0</v>
      </c>
      <c r="AM32">
        <v>0</v>
      </c>
      <c r="AN32" t="s">
        <v>119</v>
      </c>
      <c r="AO32" t="s">
        <v>119</v>
      </c>
      <c r="AP32" t="s">
        <v>119</v>
      </c>
      <c r="AQ32">
        <v>0</v>
      </c>
      <c r="AR32">
        <v>0</v>
      </c>
      <c r="AS32">
        <v>0</v>
      </c>
      <c r="AT32" t="s">
        <v>119</v>
      </c>
      <c r="AU32" t="s">
        <v>119</v>
      </c>
      <c r="AV32">
        <v>0</v>
      </c>
      <c r="AW32" t="s">
        <v>119</v>
      </c>
      <c r="AX32">
        <v>0</v>
      </c>
    </row>
    <row r="33" spans="1:50" ht="17.5">
      <c r="A33">
        <v>13</v>
      </c>
      <c r="B33" t="s">
        <v>145</v>
      </c>
      <c r="C33" t="s">
        <v>161</v>
      </c>
      <c r="D33" s="5" t="s">
        <v>100</v>
      </c>
      <c r="E33" s="6">
        <v>7</v>
      </c>
      <c r="F33">
        <v>30</v>
      </c>
      <c r="G33" s="1">
        <v>3.4285714285714284</v>
      </c>
      <c r="H33" t="s">
        <v>119</v>
      </c>
      <c r="I33">
        <v>0</v>
      </c>
      <c r="J33">
        <v>5</v>
      </c>
      <c r="K33" t="s">
        <v>119</v>
      </c>
      <c r="L33">
        <v>0</v>
      </c>
      <c r="M33">
        <v>0</v>
      </c>
      <c r="N33">
        <v>0</v>
      </c>
      <c r="O33">
        <v>0</v>
      </c>
      <c r="P33">
        <v>0</v>
      </c>
      <c r="Q33">
        <v>0</v>
      </c>
      <c r="R33">
        <v>0</v>
      </c>
      <c r="S33" t="s">
        <v>119</v>
      </c>
      <c r="T33">
        <v>4</v>
      </c>
      <c r="U33" t="s">
        <v>119</v>
      </c>
      <c r="V33">
        <v>0</v>
      </c>
      <c r="W33">
        <v>5</v>
      </c>
      <c r="X33">
        <v>0</v>
      </c>
      <c r="Y33">
        <v>0</v>
      </c>
      <c r="Z33">
        <v>0</v>
      </c>
      <c r="AA33">
        <v>0</v>
      </c>
      <c r="AB33">
        <v>0</v>
      </c>
      <c r="AC33" t="s">
        <v>119</v>
      </c>
      <c r="AD33">
        <v>0</v>
      </c>
      <c r="AE33">
        <v>0</v>
      </c>
      <c r="AF33">
        <v>4</v>
      </c>
      <c r="AG33">
        <v>0</v>
      </c>
      <c r="AH33">
        <v>0</v>
      </c>
      <c r="AI33">
        <v>0</v>
      </c>
      <c r="AJ33">
        <v>3</v>
      </c>
      <c r="AK33">
        <v>0</v>
      </c>
      <c r="AL33">
        <v>0</v>
      </c>
      <c r="AM33">
        <v>0</v>
      </c>
      <c r="AN33">
        <v>0</v>
      </c>
      <c r="AO33" t="s">
        <v>119</v>
      </c>
      <c r="AP33">
        <v>0</v>
      </c>
      <c r="AQ33">
        <v>0</v>
      </c>
      <c r="AR33">
        <v>0</v>
      </c>
      <c r="AS33">
        <v>0</v>
      </c>
      <c r="AT33" t="s">
        <v>119</v>
      </c>
      <c r="AU33" t="s">
        <v>119</v>
      </c>
      <c r="AV33">
        <v>0</v>
      </c>
      <c r="AW33" t="s">
        <v>119</v>
      </c>
      <c r="AX33">
        <v>0</v>
      </c>
    </row>
    <row r="34" spans="1:50" ht="17.5">
      <c r="A34">
        <v>13</v>
      </c>
      <c r="B34" t="s">
        <v>123</v>
      </c>
      <c r="C34" t="s">
        <v>162</v>
      </c>
      <c r="D34" s="5" t="s">
        <v>100</v>
      </c>
      <c r="E34" s="6">
        <v>5</v>
      </c>
      <c r="F34">
        <v>30</v>
      </c>
      <c r="G34" s="1">
        <v>4.8</v>
      </c>
      <c r="H34" t="s">
        <v>119</v>
      </c>
      <c r="I34" t="s">
        <v>119</v>
      </c>
      <c r="J34" t="s">
        <v>119</v>
      </c>
      <c r="K34" t="s">
        <v>119</v>
      </c>
      <c r="L34" t="s">
        <v>119</v>
      </c>
      <c r="M34" t="s">
        <v>119</v>
      </c>
      <c r="N34">
        <v>0</v>
      </c>
      <c r="O34" t="s">
        <v>119</v>
      </c>
      <c r="P34" t="s">
        <v>119</v>
      </c>
      <c r="Q34" t="s">
        <v>119</v>
      </c>
      <c r="R34" t="s">
        <v>119</v>
      </c>
      <c r="S34" t="s">
        <v>119</v>
      </c>
      <c r="T34" t="s">
        <v>119</v>
      </c>
      <c r="U34" t="s">
        <v>119</v>
      </c>
      <c r="V34" t="s">
        <v>119</v>
      </c>
      <c r="W34" t="s">
        <v>119</v>
      </c>
      <c r="X34" t="s">
        <v>119</v>
      </c>
      <c r="Y34" t="s">
        <v>119</v>
      </c>
      <c r="Z34" t="s">
        <v>119</v>
      </c>
      <c r="AA34" t="s">
        <v>119</v>
      </c>
      <c r="AB34" t="s">
        <v>119</v>
      </c>
      <c r="AC34" t="s">
        <v>119</v>
      </c>
      <c r="AD34">
        <v>0</v>
      </c>
      <c r="AE34">
        <v>0</v>
      </c>
      <c r="AF34">
        <v>0</v>
      </c>
      <c r="AG34" t="s">
        <v>119</v>
      </c>
      <c r="AH34" t="s">
        <v>119</v>
      </c>
      <c r="AI34" t="s">
        <v>119</v>
      </c>
      <c r="AJ34" t="s">
        <v>119</v>
      </c>
      <c r="AK34">
        <v>0</v>
      </c>
      <c r="AL34">
        <v>0</v>
      </c>
      <c r="AM34">
        <v>0</v>
      </c>
      <c r="AN34" t="s">
        <v>119</v>
      </c>
      <c r="AO34" t="s">
        <v>119</v>
      </c>
      <c r="AP34" t="s">
        <v>119</v>
      </c>
      <c r="AQ34" t="s">
        <v>119</v>
      </c>
      <c r="AR34">
        <v>0</v>
      </c>
      <c r="AS34" t="s">
        <v>119</v>
      </c>
      <c r="AT34" t="s">
        <v>119</v>
      </c>
      <c r="AU34" t="s">
        <v>119</v>
      </c>
      <c r="AV34">
        <v>0</v>
      </c>
      <c r="AW34" t="s">
        <v>119</v>
      </c>
      <c r="AX34" t="s">
        <v>119</v>
      </c>
    </row>
    <row r="35" spans="1:50" ht="17.5">
      <c r="A35">
        <v>13</v>
      </c>
      <c r="B35" t="s">
        <v>152</v>
      </c>
      <c r="C35" t="s">
        <v>163</v>
      </c>
      <c r="D35" s="5" t="s">
        <v>100</v>
      </c>
      <c r="E35" s="6">
        <v>5</v>
      </c>
      <c r="F35">
        <v>30</v>
      </c>
      <c r="G35" s="1">
        <v>4.8</v>
      </c>
      <c r="H35" t="s">
        <v>119</v>
      </c>
      <c r="I35" t="s">
        <v>119</v>
      </c>
      <c r="J35" t="s">
        <v>119</v>
      </c>
      <c r="K35" t="s">
        <v>119</v>
      </c>
      <c r="L35" t="s">
        <v>119</v>
      </c>
      <c r="M35" t="s">
        <v>119</v>
      </c>
      <c r="N35" t="s">
        <v>119</v>
      </c>
      <c r="O35">
        <v>0</v>
      </c>
      <c r="P35" t="s">
        <v>119</v>
      </c>
      <c r="Q35" t="s">
        <v>119</v>
      </c>
      <c r="R35" t="s">
        <v>119</v>
      </c>
      <c r="S35" t="s">
        <v>119</v>
      </c>
      <c r="T35" t="s">
        <v>119</v>
      </c>
      <c r="U35" t="s">
        <v>119</v>
      </c>
      <c r="V35" t="s">
        <v>119</v>
      </c>
      <c r="W35" t="s">
        <v>119</v>
      </c>
      <c r="X35">
        <v>0</v>
      </c>
      <c r="Y35">
        <v>3</v>
      </c>
      <c r="Z35" t="s">
        <v>119</v>
      </c>
      <c r="AA35" t="s">
        <v>119</v>
      </c>
      <c r="AB35" t="s">
        <v>119</v>
      </c>
      <c r="AC35" t="s">
        <v>119</v>
      </c>
      <c r="AD35">
        <v>0</v>
      </c>
      <c r="AE35">
        <v>0</v>
      </c>
      <c r="AF35">
        <v>0</v>
      </c>
      <c r="AG35">
        <v>0</v>
      </c>
      <c r="AH35">
        <v>0</v>
      </c>
      <c r="AI35" t="s">
        <v>119</v>
      </c>
      <c r="AJ35" t="s">
        <v>119</v>
      </c>
      <c r="AK35">
        <v>0</v>
      </c>
      <c r="AL35">
        <v>0</v>
      </c>
      <c r="AM35">
        <v>0</v>
      </c>
      <c r="AN35" t="s">
        <v>119</v>
      </c>
      <c r="AO35">
        <v>0</v>
      </c>
      <c r="AP35" t="s">
        <v>119</v>
      </c>
      <c r="AQ35" t="s">
        <v>119</v>
      </c>
      <c r="AR35">
        <v>0</v>
      </c>
      <c r="AS35">
        <v>0</v>
      </c>
      <c r="AT35" t="s">
        <v>119</v>
      </c>
      <c r="AU35" t="s">
        <v>119</v>
      </c>
      <c r="AV35">
        <v>0</v>
      </c>
      <c r="AW35" t="s">
        <v>119</v>
      </c>
      <c r="AX35">
        <v>0</v>
      </c>
    </row>
    <row r="36" spans="1:50" ht="17.5">
      <c r="A36">
        <v>14</v>
      </c>
      <c r="B36" t="s">
        <v>155</v>
      </c>
      <c r="C36" t="s">
        <v>164</v>
      </c>
      <c r="D36" s="5" t="s">
        <v>97</v>
      </c>
      <c r="E36" s="6">
        <v>8</v>
      </c>
      <c r="F36">
        <v>31</v>
      </c>
      <c r="G36" s="1">
        <v>3.1</v>
      </c>
      <c r="H36" t="s">
        <v>119</v>
      </c>
      <c r="I36">
        <v>3</v>
      </c>
      <c r="J36" t="s">
        <v>119</v>
      </c>
      <c r="K36" t="s">
        <v>119</v>
      </c>
      <c r="L36" t="s">
        <v>119</v>
      </c>
      <c r="M36" t="s">
        <v>119</v>
      </c>
      <c r="N36" t="s">
        <v>119</v>
      </c>
      <c r="O36" t="s">
        <v>119</v>
      </c>
      <c r="P36">
        <v>2</v>
      </c>
      <c r="Q36" t="s">
        <v>119</v>
      </c>
      <c r="R36">
        <v>3</v>
      </c>
      <c r="S36" t="s">
        <v>119</v>
      </c>
      <c r="T36">
        <v>0</v>
      </c>
      <c r="U36" t="s">
        <v>119</v>
      </c>
      <c r="V36" t="s">
        <v>119</v>
      </c>
      <c r="W36" t="s">
        <v>119</v>
      </c>
      <c r="X36">
        <v>0</v>
      </c>
      <c r="Y36">
        <v>0</v>
      </c>
      <c r="Z36" t="s">
        <v>119</v>
      </c>
      <c r="AA36">
        <v>0</v>
      </c>
      <c r="AB36" t="s">
        <v>119</v>
      </c>
      <c r="AC36">
        <v>0</v>
      </c>
      <c r="AD36">
        <v>0</v>
      </c>
      <c r="AE36">
        <v>0</v>
      </c>
      <c r="AF36" t="s">
        <v>119</v>
      </c>
      <c r="AG36">
        <v>0</v>
      </c>
      <c r="AH36">
        <v>0</v>
      </c>
      <c r="AI36">
        <v>0</v>
      </c>
      <c r="AJ36">
        <v>0</v>
      </c>
      <c r="AK36">
        <v>0</v>
      </c>
      <c r="AL36">
        <v>0</v>
      </c>
      <c r="AM36">
        <v>0</v>
      </c>
      <c r="AN36" t="s">
        <v>119</v>
      </c>
      <c r="AO36" t="s">
        <v>119</v>
      </c>
      <c r="AP36">
        <v>0</v>
      </c>
      <c r="AQ36" t="s">
        <v>119</v>
      </c>
      <c r="AR36">
        <v>0</v>
      </c>
      <c r="AS36">
        <v>0</v>
      </c>
      <c r="AT36" t="s">
        <v>119</v>
      </c>
      <c r="AU36" t="s">
        <v>119</v>
      </c>
      <c r="AV36">
        <v>0</v>
      </c>
      <c r="AW36" t="s">
        <v>119</v>
      </c>
      <c r="AX36" t="s">
        <v>119</v>
      </c>
    </row>
    <row r="37" spans="1:50" ht="17.5">
      <c r="A37">
        <v>14</v>
      </c>
      <c r="B37" t="s">
        <v>165</v>
      </c>
      <c r="C37" t="s">
        <v>166</v>
      </c>
      <c r="D37" s="5" t="s">
        <v>97</v>
      </c>
      <c r="E37" s="6">
        <v>5</v>
      </c>
      <c r="F37">
        <v>31</v>
      </c>
      <c r="G37" s="1">
        <v>4.96</v>
      </c>
      <c r="H37" t="s">
        <v>119</v>
      </c>
      <c r="I37">
        <v>2</v>
      </c>
      <c r="J37">
        <v>4</v>
      </c>
      <c r="K37" t="s">
        <v>119</v>
      </c>
      <c r="L37" t="s">
        <v>119</v>
      </c>
      <c r="M37" t="s">
        <v>119</v>
      </c>
      <c r="N37">
        <v>0</v>
      </c>
      <c r="O37">
        <v>0</v>
      </c>
      <c r="P37">
        <v>0</v>
      </c>
      <c r="Q37" t="s">
        <v>119</v>
      </c>
      <c r="R37">
        <v>0</v>
      </c>
      <c r="S37" t="s">
        <v>119</v>
      </c>
      <c r="T37">
        <v>0</v>
      </c>
      <c r="U37" t="s">
        <v>119</v>
      </c>
      <c r="V37">
        <v>0</v>
      </c>
      <c r="W37">
        <v>0</v>
      </c>
      <c r="X37">
        <v>0</v>
      </c>
      <c r="Y37">
        <v>0</v>
      </c>
      <c r="Z37" t="s">
        <v>119</v>
      </c>
      <c r="AA37" t="s">
        <v>119</v>
      </c>
      <c r="AB37">
        <v>0</v>
      </c>
      <c r="AC37">
        <v>0</v>
      </c>
      <c r="AD37">
        <v>0</v>
      </c>
      <c r="AE37">
        <v>0</v>
      </c>
      <c r="AF37">
        <v>4</v>
      </c>
      <c r="AG37">
        <v>0</v>
      </c>
      <c r="AH37">
        <v>0</v>
      </c>
      <c r="AI37" t="s">
        <v>119</v>
      </c>
      <c r="AJ37">
        <v>0</v>
      </c>
      <c r="AK37">
        <v>0</v>
      </c>
      <c r="AL37">
        <v>0</v>
      </c>
      <c r="AM37">
        <v>0</v>
      </c>
      <c r="AN37">
        <v>4</v>
      </c>
      <c r="AO37">
        <v>0</v>
      </c>
      <c r="AP37" t="s">
        <v>119</v>
      </c>
      <c r="AQ37" t="s">
        <v>119</v>
      </c>
      <c r="AR37">
        <v>0</v>
      </c>
      <c r="AS37">
        <v>0</v>
      </c>
      <c r="AT37" t="s">
        <v>119</v>
      </c>
      <c r="AU37">
        <v>0</v>
      </c>
      <c r="AV37">
        <v>0</v>
      </c>
      <c r="AW37" t="s">
        <v>119</v>
      </c>
      <c r="AX37">
        <v>4</v>
      </c>
    </row>
    <row r="38" spans="1:50" ht="17.5">
      <c r="A38">
        <v>14</v>
      </c>
      <c r="B38" t="s">
        <v>165</v>
      </c>
      <c r="C38" t="s">
        <v>167</v>
      </c>
      <c r="D38" s="5" t="s">
        <v>97</v>
      </c>
      <c r="E38" s="6">
        <v>9</v>
      </c>
      <c r="F38">
        <v>31</v>
      </c>
      <c r="G38" s="1">
        <v>2.7555555555555555</v>
      </c>
      <c r="H38" t="s">
        <v>119</v>
      </c>
      <c r="I38">
        <v>6</v>
      </c>
      <c r="J38">
        <v>9</v>
      </c>
      <c r="K38" t="s">
        <v>119</v>
      </c>
      <c r="L38">
        <v>0</v>
      </c>
      <c r="M38" t="s">
        <v>119</v>
      </c>
      <c r="N38" t="s">
        <v>119</v>
      </c>
      <c r="O38">
        <v>0</v>
      </c>
      <c r="P38">
        <v>6</v>
      </c>
      <c r="Q38" t="s">
        <v>119</v>
      </c>
      <c r="R38">
        <v>6</v>
      </c>
      <c r="S38" t="s">
        <v>119</v>
      </c>
      <c r="T38">
        <v>0</v>
      </c>
      <c r="U38" t="s">
        <v>119</v>
      </c>
      <c r="V38">
        <v>0</v>
      </c>
      <c r="W38">
        <v>0</v>
      </c>
      <c r="X38">
        <v>3</v>
      </c>
      <c r="Y38">
        <v>3</v>
      </c>
      <c r="Z38" t="s">
        <v>119</v>
      </c>
      <c r="AA38" t="s">
        <v>119</v>
      </c>
      <c r="AB38">
        <v>9</v>
      </c>
      <c r="AC38">
        <v>0</v>
      </c>
      <c r="AD38">
        <v>0</v>
      </c>
      <c r="AE38">
        <v>6</v>
      </c>
      <c r="AF38" t="s">
        <v>119</v>
      </c>
      <c r="AG38">
        <v>0</v>
      </c>
      <c r="AH38">
        <v>0</v>
      </c>
      <c r="AI38" t="s">
        <v>119</v>
      </c>
      <c r="AJ38">
        <v>6</v>
      </c>
      <c r="AK38">
        <v>0</v>
      </c>
      <c r="AL38">
        <v>0</v>
      </c>
      <c r="AM38">
        <v>0</v>
      </c>
      <c r="AN38">
        <v>6</v>
      </c>
      <c r="AO38">
        <v>0</v>
      </c>
      <c r="AP38" t="s">
        <v>119</v>
      </c>
      <c r="AQ38">
        <v>7</v>
      </c>
      <c r="AR38">
        <v>0</v>
      </c>
      <c r="AS38">
        <v>0</v>
      </c>
      <c r="AT38" t="s">
        <v>119</v>
      </c>
      <c r="AU38" t="s">
        <v>119</v>
      </c>
      <c r="AV38">
        <v>0</v>
      </c>
      <c r="AW38" t="s">
        <v>119</v>
      </c>
      <c r="AX38" t="s">
        <v>119</v>
      </c>
    </row>
    <row r="39" spans="1:50" ht="17.5">
      <c r="A39">
        <v>14</v>
      </c>
      <c r="B39" t="s">
        <v>128</v>
      </c>
      <c r="C39" t="s">
        <v>168</v>
      </c>
      <c r="D39" s="5" t="s">
        <v>97</v>
      </c>
      <c r="E39" s="6">
        <v>6</v>
      </c>
      <c r="F39">
        <v>31</v>
      </c>
      <c r="G39" s="1">
        <v>4.1333333333333337</v>
      </c>
      <c r="H39">
        <v>4</v>
      </c>
      <c r="I39">
        <v>0</v>
      </c>
      <c r="J39">
        <v>4</v>
      </c>
      <c r="K39" t="s">
        <v>119</v>
      </c>
      <c r="L39">
        <v>0</v>
      </c>
      <c r="M39">
        <v>4</v>
      </c>
      <c r="N39">
        <v>0</v>
      </c>
      <c r="O39">
        <v>0</v>
      </c>
      <c r="P39">
        <v>0</v>
      </c>
      <c r="Q39">
        <v>0</v>
      </c>
      <c r="R39">
        <v>0</v>
      </c>
      <c r="S39">
        <v>0</v>
      </c>
      <c r="T39">
        <v>4</v>
      </c>
      <c r="U39">
        <v>6</v>
      </c>
      <c r="V39">
        <v>0</v>
      </c>
      <c r="W39">
        <v>0</v>
      </c>
      <c r="X39">
        <v>0</v>
      </c>
      <c r="Y39">
        <v>0</v>
      </c>
      <c r="Z39">
        <v>0</v>
      </c>
      <c r="AA39">
        <v>0</v>
      </c>
      <c r="AB39">
        <v>2</v>
      </c>
      <c r="AC39">
        <v>0</v>
      </c>
      <c r="AD39">
        <v>0</v>
      </c>
      <c r="AE39">
        <v>0</v>
      </c>
      <c r="AF39">
        <v>4</v>
      </c>
      <c r="AG39">
        <v>0</v>
      </c>
      <c r="AH39">
        <v>0</v>
      </c>
      <c r="AI39">
        <v>0</v>
      </c>
      <c r="AJ39">
        <v>0</v>
      </c>
      <c r="AK39">
        <v>0</v>
      </c>
      <c r="AL39">
        <v>0</v>
      </c>
      <c r="AM39">
        <v>0</v>
      </c>
      <c r="AN39">
        <v>2</v>
      </c>
      <c r="AO39">
        <v>0</v>
      </c>
      <c r="AP39">
        <v>0</v>
      </c>
      <c r="AQ39">
        <v>0</v>
      </c>
      <c r="AR39" t="s">
        <v>119</v>
      </c>
      <c r="AS39">
        <v>2</v>
      </c>
      <c r="AT39" t="s">
        <v>119</v>
      </c>
      <c r="AU39">
        <v>6</v>
      </c>
      <c r="AV39">
        <v>0</v>
      </c>
      <c r="AW39" t="s">
        <v>119</v>
      </c>
      <c r="AX39">
        <v>4</v>
      </c>
    </row>
    <row r="40" spans="1:50" ht="17.5">
      <c r="A40">
        <v>15</v>
      </c>
      <c r="B40" t="s">
        <v>155</v>
      </c>
      <c r="C40" t="s">
        <v>169</v>
      </c>
      <c r="D40" s="5" t="s">
        <v>98</v>
      </c>
      <c r="E40" s="6">
        <v>8</v>
      </c>
      <c r="F40">
        <v>32</v>
      </c>
      <c r="G40" s="1">
        <v>3.2</v>
      </c>
      <c r="H40">
        <v>5</v>
      </c>
      <c r="I40">
        <v>0</v>
      </c>
      <c r="J40">
        <v>0</v>
      </c>
      <c r="K40" t="s">
        <v>119</v>
      </c>
      <c r="L40">
        <v>0</v>
      </c>
      <c r="M40">
        <v>0</v>
      </c>
      <c r="N40">
        <v>0</v>
      </c>
      <c r="O40">
        <v>0</v>
      </c>
      <c r="P40">
        <v>0</v>
      </c>
      <c r="Q40">
        <v>0</v>
      </c>
      <c r="R40">
        <v>0</v>
      </c>
      <c r="S40" t="s">
        <v>119</v>
      </c>
      <c r="T40">
        <v>0</v>
      </c>
      <c r="U40" t="s">
        <v>119</v>
      </c>
      <c r="V40">
        <v>0</v>
      </c>
      <c r="W40">
        <v>0</v>
      </c>
      <c r="X40">
        <v>0</v>
      </c>
      <c r="Y40">
        <v>0</v>
      </c>
      <c r="Z40">
        <v>0</v>
      </c>
      <c r="AA40">
        <v>0</v>
      </c>
      <c r="AB40">
        <v>0</v>
      </c>
      <c r="AC40">
        <v>0</v>
      </c>
      <c r="AD40">
        <v>0</v>
      </c>
      <c r="AE40">
        <v>0</v>
      </c>
      <c r="AF40">
        <v>0</v>
      </c>
      <c r="AG40">
        <v>0</v>
      </c>
      <c r="AH40">
        <v>0</v>
      </c>
      <c r="AI40">
        <v>4</v>
      </c>
      <c r="AJ40">
        <v>0</v>
      </c>
      <c r="AK40">
        <v>0</v>
      </c>
      <c r="AL40">
        <v>0</v>
      </c>
      <c r="AM40">
        <v>0</v>
      </c>
      <c r="AN40">
        <v>0</v>
      </c>
      <c r="AO40">
        <v>0</v>
      </c>
      <c r="AP40">
        <v>6</v>
      </c>
      <c r="AQ40">
        <v>0</v>
      </c>
      <c r="AR40">
        <v>0</v>
      </c>
      <c r="AS40">
        <v>0</v>
      </c>
      <c r="AT40" t="s">
        <v>119</v>
      </c>
      <c r="AU40">
        <v>0</v>
      </c>
      <c r="AV40" t="s">
        <v>119</v>
      </c>
      <c r="AW40" t="s">
        <v>119</v>
      </c>
      <c r="AX40">
        <v>0</v>
      </c>
    </row>
    <row r="41" spans="1:50" ht="17.5">
      <c r="A41">
        <v>15</v>
      </c>
      <c r="B41" t="s">
        <v>170</v>
      </c>
      <c r="C41" t="s">
        <v>171</v>
      </c>
      <c r="D41" s="5" t="s">
        <v>98</v>
      </c>
      <c r="E41" s="6">
        <v>10</v>
      </c>
      <c r="F41">
        <v>32</v>
      </c>
      <c r="G41" s="1">
        <v>2.56</v>
      </c>
      <c r="H41">
        <v>9</v>
      </c>
      <c r="I41">
        <v>3</v>
      </c>
      <c r="J41">
        <v>0</v>
      </c>
      <c r="K41" t="s">
        <v>119</v>
      </c>
      <c r="L41">
        <v>7</v>
      </c>
      <c r="M41">
        <v>0</v>
      </c>
      <c r="N41">
        <v>0</v>
      </c>
      <c r="O41">
        <v>0</v>
      </c>
      <c r="P41">
        <v>0</v>
      </c>
      <c r="Q41" t="s">
        <v>119</v>
      </c>
      <c r="R41">
        <v>0</v>
      </c>
      <c r="S41" t="s">
        <v>119</v>
      </c>
      <c r="T41">
        <v>0</v>
      </c>
      <c r="U41">
        <v>10</v>
      </c>
      <c r="V41">
        <v>0</v>
      </c>
      <c r="W41">
        <v>0</v>
      </c>
      <c r="X41">
        <v>0</v>
      </c>
      <c r="Y41">
        <v>0</v>
      </c>
      <c r="Z41">
        <v>9</v>
      </c>
      <c r="AA41">
        <v>8</v>
      </c>
      <c r="AB41">
        <v>0</v>
      </c>
      <c r="AC41">
        <v>0</v>
      </c>
      <c r="AD41">
        <v>0</v>
      </c>
      <c r="AE41">
        <v>0</v>
      </c>
      <c r="AF41">
        <v>0</v>
      </c>
      <c r="AG41">
        <v>10</v>
      </c>
      <c r="AH41">
        <v>0</v>
      </c>
      <c r="AI41">
        <v>0</v>
      </c>
      <c r="AJ41">
        <v>4</v>
      </c>
      <c r="AK41">
        <v>0</v>
      </c>
      <c r="AL41">
        <v>0</v>
      </c>
      <c r="AM41">
        <v>0</v>
      </c>
      <c r="AN41">
        <v>4</v>
      </c>
      <c r="AO41" t="s">
        <v>119</v>
      </c>
      <c r="AP41">
        <v>0</v>
      </c>
      <c r="AQ41">
        <v>8</v>
      </c>
      <c r="AR41">
        <v>0</v>
      </c>
      <c r="AS41">
        <v>9</v>
      </c>
      <c r="AT41" t="s">
        <v>119</v>
      </c>
      <c r="AU41" t="s">
        <v>119</v>
      </c>
      <c r="AV41" t="s">
        <v>119</v>
      </c>
      <c r="AW41" t="s">
        <v>119</v>
      </c>
      <c r="AX41" t="s">
        <v>119</v>
      </c>
    </row>
    <row r="42" spans="1:50" ht="17.5">
      <c r="A42">
        <v>15</v>
      </c>
      <c r="B42" t="s">
        <v>148</v>
      </c>
      <c r="C42" t="s">
        <v>172</v>
      </c>
      <c r="D42" s="5" t="s">
        <v>98</v>
      </c>
      <c r="E42" s="6">
        <v>6</v>
      </c>
      <c r="F42">
        <v>32</v>
      </c>
      <c r="G42" s="1">
        <v>4.2666666666666666</v>
      </c>
      <c r="H42" t="s">
        <v>119</v>
      </c>
      <c r="I42">
        <v>0</v>
      </c>
      <c r="J42">
        <v>0</v>
      </c>
      <c r="K42">
        <v>0</v>
      </c>
      <c r="L42">
        <v>0</v>
      </c>
      <c r="M42">
        <v>0</v>
      </c>
      <c r="N42">
        <v>0</v>
      </c>
      <c r="O42">
        <v>0</v>
      </c>
      <c r="P42">
        <v>0</v>
      </c>
      <c r="Q42">
        <v>0</v>
      </c>
      <c r="R42">
        <v>0</v>
      </c>
      <c r="S42" t="s">
        <v>119</v>
      </c>
      <c r="T42">
        <v>0</v>
      </c>
      <c r="U42" t="s">
        <v>119</v>
      </c>
      <c r="V42">
        <v>0</v>
      </c>
      <c r="W42">
        <v>0</v>
      </c>
      <c r="X42">
        <v>0</v>
      </c>
      <c r="Y42">
        <v>0</v>
      </c>
      <c r="Z42">
        <v>0</v>
      </c>
      <c r="AA42">
        <v>0</v>
      </c>
      <c r="AB42">
        <v>2</v>
      </c>
      <c r="AC42">
        <v>0</v>
      </c>
      <c r="AD42">
        <v>0</v>
      </c>
      <c r="AE42">
        <v>0</v>
      </c>
      <c r="AF42">
        <v>0</v>
      </c>
      <c r="AG42">
        <v>0</v>
      </c>
      <c r="AH42">
        <v>0</v>
      </c>
      <c r="AI42">
        <v>5</v>
      </c>
      <c r="AJ42">
        <v>0</v>
      </c>
      <c r="AK42">
        <v>0</v>
      </c>
      <c r="AL42">
        <v>0</v>
      </c>
      <c r="AM42">
        <v>0</v>
      </c>
      <c r="AN42">
        <v>4</v>
      </c>
      <c r="AO42">
        <v>0</v>
      </c>
      <c r="AP42" t="s">
        <v>119</v>
      </c>
      <c r="AQ42">
        <v>0</v>
      </c>
      <c r="AR42">
        <v>0</v>
      </c>
      <c r="AS42">
        <v>0</v>
      </c>
      <c r="AT42">
        <v>0</v>
      </c>
      <c r="AU42" t="s">
        <v>119</v>
      </c>
      <c r="AV42" t="s">
        <v>119</v>
      </c>
      <c r="AW42" t="s">
        <v>119</v>
      </c>
      <c r="AX42">
        <v>0</v>
      </c>
    </row>
    <row r="43" spans="1:50" ht="17.5">
      <c r="A43">
        <v>15</v>
      </c>
      <c r="B43" t="s">
        <v>138</v>
      </c>
      <c r="C43" t="s">
        <v>173</v>
      </c>
      <c r="D43" s="5" t="s">
        <v>98</v>
      </c>
      <c r="E43" s="6">
        <v>6</v>
      </c>
      <c r="F43">
        <v>32</v>
      </c>
      <c r="G43" s="1">
        <v>4.2666666666666666</v>
      </c>
      <c r="H43" t="s">
        <v>119</v>
      </c>
      <c r="I43">
        <v>0</v>
      </c>
      <c r="J43" t="s">
        <v>119</v>
      </c>
      <c r="K43" t="s">
        <v>119</v>
      </c>
      <c r="L43" t="s">
        <v>119</v>
      </c>
      <c r="M43" t="s">
        <v>119</v>
      </c>
      <c r="N43">
        <v>0</v>
      </c>
      <c r="O43">
        <v>0</v>
      </c>
      <c r="P43">
        <v>0</v>
      </c>
      <c r="Q43" t="s">
        <v>119</v>
      </c>
      <c r="R43">
        <v>0</v>
      </c>
      <c r="S43" t="s">
        <v>119</v>
      </c>
      <c r="T43">
        <v>0</v>
      </c>
      <c r="U43" t="s">
        <v>119</v>
      </c>
      <c r="V43" t="s">
        <v>119</v>
      </c>
      <c r="W43" t="s">
        <v>119</v>
      </c>
      <c r="X43">
        <v>0</v>
      </c>
      <c r="Y43">
        <v>0</v>
      </c>
      <c r="Z43">
        <v>0</v>
      </c>
      <c r="AA43">
        <v>0</v>
      </c>
      <c r="AB43" t="s">
        <v>119</v>
      </c>
      <c r="AC43" t="s">
        <v>119</v>
      </c>
      <c r="AD43">
        <v>0</v>
      </c>
      <c r="AE43">
        <v>0</v>
      </c>
      <c r="AF43">
        <v>5</v>
      </c>
      <c r="AG43">
        <v>0</v>
      </c>
      <c r="AH43">
        <v>0</v>
      </c>
      <c r="AI43" t="s">
        <v>119</v>
      </c>
      <c r="AJ43">
        <v>4</v>
      </c>
      <c r="AK43">
        <v>0</v>
      </c>
      <c r="AL43">
        <v>0</v>
      </c>
      <c r="AM43">
        <v>0</v>
      </c>
      <c r="AN43">
        <v>6</v>
      </c>
      <c r="AO43">
        <v>0</v>
      </c>
      <c r="AP43" t="s">
        <v>119</v>
      </c>
      <c r="AQ43">
        <v>0</v>
      </c>
      <c r="AR43">
        <v>0</v>
      </c>
      <c r="AS43">
        <v>0</v>
      </c>
      <c r="AT43" t="s">
        <v>119</v>
      </c>
      <c r="AU43" t="s">
        <v>119</v>
      </c>
      <c r="AV43">
        <v>0</v>
      </c>
      <c r="AW43" t="s">
        <v>119</v>
      </c>
      <c r="AX43" t="s">
        <v>119</v>
      </c>
    </row>
    <row r="44" spans="1:50" ht="17.5">
      <c r="A44">
        <v>15</v>
      </c>
      <c r="B44" t="s">
        <v>174</v>
      </c>
      <c r="C44" t="s">
        <v>175</v>
      </c>
      <c r="D44" s="5" t="s">
        <v>98</v>
      </c>
      <c r="E44" s="6">
        <v>6</v>
      </c>
      <c r="F44">
        <v>32</v>
      </c>
      <c r="G44" s="1">
        <v>4.2666666666666666</v>
      </c>
      <c r="H44" t="s">
        <v>119</v>
      </c>
      <c r="I44">
        <v>3</v>
      </c>
      <c r="J44" t="s">
        <v>119</v>
      </c>
      <c r="K44" t="s">
        <v>119</v>
      </c>
      <c r="L44" t="s">
        <v>119</v>
      </c>
      <c r="M44" t="s">
        <v>119</v>
      </c>
      <c r="N44">
        <v>0</v>
      </c>
      <c r="O44">
        <v>5</v>
      </c>
      <c r="P44">
        <v>0</v>
      </c>
      <c r="Q44" t="s">
        <v>119</v>
      </c>
      <c r="R44">
        <v>4</v>
      </c>
      <c r="S44" t="s">
        <v>119</v>
      </c>
      <c r="T44">
        <v>4</v>
      </c>
      <c r="U44" t="s">
        <v>119</v>
      </c>
      <c r="V44" t="s">
        <v>119</v>
      </c>
      <c r="W44" t="s">
        <v>119</v>
      </c>
      <c r="X44">
        <v>3</v>
      </c>
      <c r="Y44">
        <v>0</v>
      </c>
      <c r="Z44" t="s">
        <v>119</v>
      </c>
      <c r="AA44" t="s">
        <v>119</v>
      </c>
      <c r="AB44" t="s">
        <v>119</v>
      </c>
      <c r="AC44" t="s">
        <v>119</v>
      </c>
      <c r="AD44">
        <v>0</v>
      </c>
      <c r="AE44">
        <v>0</v>
      </c>
      <c r="AF44" t="s">
        <v>119</v>
      </c>
      <c r="AG44" t="s">
        <v>119</v>
      </c>
      <c r="AH44">
        <v>0</v>
      </c>
      <c r="AI44" t="s">
        <v>119</v>
      </c>
      <c r="AJ44">
        <v>3</v>
      </c>
      <c r="AK44">
        <v>0</v>
      </c>
      <c r="AL44">
        <v>0</v>
      </c>
      <c r="AM44">
        <v>0</v>
      </c>
      <c r="AN44">
        <v>5</v>
      </c>
      <c r="AO44" t="s">
        <v>119</v>
      </c>
      <c r="AP44">
        <v>0</v>
      </c>
      <c r="AQ44">
        <v>0</v>
      </c>
      <c r="AR44" t="s">
        <v>119</v>
      </c>
      <c r="AS44">
        <v>0</v>
      </c>
      <c r="AT44" t="s">
        <v>119</v>
      </c>
      <c r="AU44" t="s">
        <v>119</v>
      </c>
      <c r="AV44">
        <v>0</v>
      </c>
      <c r="AW44" t="s">
        <v>119</v>
      </c>
      <c r="AX44">
        <v>0</v>
      </c>
    </row>
    <row r="45" spans="1:50" ht="17.5">
      <c r="A45">
        <v>15</v>
      </c>
      <c r="B45" t="s">
        <v>128</v>
      </c>
      <c r="C45" t="s">
        <v>176</v>
      </c>
      <c r="D45" s="5" t="s">
        <v>98</v>
      </c>
      <c r="E45" s="6">
        <v>6</v>
      </c>
      <c r="F45">
        <v>32</v>
      </c>
      <c r="G45" s="1">
        <v>4.2666666666666666</v>
      </c>
      <c r="H45" t="s">
        <v>119</v>
      </c>
      <c r="I45">
        <v>0</v>
      </c>
      <c r="J45">
        <v>0</v>
      </c>
      <c r="K45" t="s">
        <v>119</v>
      </c>
      <c r="L45" t="s">
        <v>119</v>
      </c>
      <c r="M45" t="s">
        <v>119</v>
      </c>
      <c r="N45">
        <v>0</v>
      </c>
      <c r="O45" t="s">
        <v>119</v>
      </c>
      <c r="P45">
        <v>0</v>
      </c>
      <c r="Q45" t="s">
        <v>119</v>
      </c>
      <c r="R45">
        <v>0</v>
      </c>
      <c r="S45" t="s">
        <v>119</v>
      </c>
      <c r="T45">
        <v>3</v>
      </c>
      <c r="U45" t="s">
        <v>119</v>
      </c>
      <c r="V45">
        <v>0</v>
      </c>
      <c r="W45">
        <v>0</v>
      </c>
      <c r="X45">
        <v>0</v>
      </c>
      <c r="Y45">
        <v>0</v>
      </c>
      <c r="Z45" t="s">
        <v>119</v>
      </c>
      <c r="AA45" t="s">
        <v>119</v>
      </c>
      <c r="AB45">
        <v>6</v>
      </c>
      <c r="AC45">
        <v>0</v>
      </c>
      <c r="AD45">
        <v>0</v>
      </c>
      <c r="AE45">
        <v>0</v>
      </c>
      <c r="AF45">
        <v>0</v>
      </c>
      <c r="AG45">
        <v>0</v>
      </c>
      <c r="AH45">
        <v>2</v>
      </c>
      <c r="AI45">
        <v>0</v>
      </c>
      <c r="AJ45">
        <v>2</v>
      </c>
      <c r="AK45">
        <v>0</v>
      </c>
      <c r="AL45">
        <v>0</v>
      </c>
      <c r="AM45">
        <v>0</v>
      </c>
      <c r="AN45">
        <v>4</v>
      </c>
      <c r="AO45">
        <v>0</v>
      </c>
      <c r="AP45">
        <v>0</v>
      </c>
      <c r="AQ45">
        <v>2</v>
      </c>
      <c r="AR45" t="s">
        <v>119</v>
      </c>
      <c r="AS45">
        <v>0</v>
      </c>
      <c r="AT45">
        <v>0</v>
      </c>
      <c r="AU45" t="s">
        <v>119</v>
      </c>
      <c r="AV45">
        <v>0</v>
      </c>
      <c r="AW45" t="s">
        <v>119</v>
      </c>
      <c r="AX45" t="s">
        <v>119</v>
      </c>
    </row>
    <row r="46" spans="1:50" ht="17.5">
      <c r="A46">
        <v>16</v>
      </c>
      <c r="B46" t="s">
        <v>145</v>
      </c>
      <c r="C46" t="s">
        <v>177</v>
      </c>
      <c r="D46" s="5" t="s">
        <v>99</v>
      </c>
      <c r="E46" s="6">
        <v>7</v>
      </c>
      <c r="F46">
        <v>33</v>
      </c>
      <c r="G46" s="1">
        <v>3.7714285714285718</v>
      </c>
      <c r="H46" t="s">
        <v>119</v>
      </c>
      <c r="I46">
        <v>3</v>
      </c>
      <c r="J46">
        <v>0</v>
      </c>
      <c r="K46" t="s">
        <v>119</v>
      </c>
      <c r="L46" t="s">
        <v>119</v>
      </c>
      <c r="M46">
        <v>6</v>
      </c>
      <c r="N46">
        <v>0</v>
      </c>
      <c r="O46">
        <v>0</v>
      </c>
      <c r="P46">
        <v>0</v>
      </c>
      <c r="Q46" t="s">
        <v>119</v>
      </c>
      <c r="R46">
        <v>0</v>
      </c>
      <c r="S46" t="s">
        <v>119</v>
      </c>
      <c r="T46">
        <v>0</v>
      </c>
      <c r="U46" t="s">
        <v>119</v>
      </c>
      <c r="V46">
        <v>0</v>
      </c>
      <c r="W46">
        <v>0</v>
      </c>
      <c r="X46">
        <v>0</v>
      </c>
      <c r="Y46">
        <v>2</v>
      </c>
      <c r="Z46">
        <v>0</v>
      </c>
      <c r="AA46">
        <v>0</v>
      </c>
      <c r="AB46">
        <v>0</v>
      </c>
      <c r="AC46" t="s">
        <v>119</v>
      </c>
      <c r="AD46">
        <v>0</v>
      </c>
      <c r="AE46">
        <v>0</v>
      </c>
      <c r="AF46">
        <v>6</v>
      </c>
      <c r="AG46" t="s">
        <v>119</v>
      </c>
      <c r="AH46">
        <v>0</v>
      </c>
      <c r="AI46" t="s">
        <v>119</v>
      </c>
      <c r="AJ46">
        <v>0</v>
      </c>
      <c r="AK46">
        <v>0</v>
      </c>
      <c r="AL46">
        <v>0</v>
      </c>
      <c r="AM46">
        <v>0</v>
      </c>
      <c r="AN46">
        <v>5</v>
      </c>
      <c r="AO46" t="s">
        <v>119</v>
      </c>
      <c r="AP46" t="s">
        <v>119</v>
      </c>
      <c r="AQ46">
        <v>0</v>
      </c>
      <c r="AR46">
        <v>0</v>
      </c>
      <c r="AS46">
        <v>0</v>
      </c>
      <c r="AT46" t="s">
        <v>119</v>
      </c>
      <c r="AU46" t="s">
        <v>119</v>
      </c>
      <c r="AV46">
        <v>0</v>
      </c>
      <c r="AW46" t="s">
        <v>119</v>
      </c>
      <c r="AX46">
        <v>0</v>
      </c>
    </row>
    <row r="47" spans="1:50" ht="17.5">
      <c r="A47">
        <v>16</v>
      </c>
      <c r="B47" t="s">
        <v>145</v>
      </c>
      <c r="C47" t="s">
        <v>178</v>
      </c>
      <c r="D47" s="5" t="s">
        <v>99</v>
      </c>
      <c r="E47" s="6">
        <v>7</v>
      </c>
      <c r="F47">
        <v>33</v>
      </c>
      <c r="G47" s="1">
        <v>3.7714285714285718</v>
      </c>
      <c r="H47" t="s">
        <v>119</v>
      </c>
      <c r="I47">
        <v>3</v>
      </c>
      <c r="J47" t="s">
        <v>119</v>
      </c>
      <c r="K47" t="s">
        <v>119</v>
      </c>
      <c r="L47" t="s">
        <v>119</v>
      </c>
      <c r="M47" t="s">
        <v>119</v>
      </c>
      <c r="N47">
        <v>0</v>
      </c>
      <c r="O47" t="s">
        <v>119</v>
      </c>
      <c r="P47">
        <v>3</v>
      </c>
      <c r="Q47" t="s">
        <v>119</v>
      </c>
      <c r="R47">
        <v>5</v>
      </c>
      <c r="S47" t="s">
        <v>119</v>
      </c>
      <c r="T47">
        <v>0</v>
      </c>
      <c r="U47" t="s">
        <v>119</v>
      </c>
      <c r="V47">
        <v>5</v>
      </c>
      <c r="W47" t="s">
        <v>119</v>
      </c>
      <c r="X47">
        <v>2</v>
      </c>
      <c r="Y47">
        <v>3</v>
      </c>
      <c r="Z47" t="s">
        <v>119</v>
      </c>
      <c r="AA47" t="s">
        <v>119</v>
      </c>
      <c r="AB47" t="s">
        <v>119</v>
      </c>
      <c r="AC47" t="s">
        <v>119</v>
      </c>
      <c r="AD47">
        <v>0</v>
      </c>
      <c r="AE47">
        <v>0</v>
      </c>
      <c r="AF47" t="s">
        <v>119</v>
      </c>
      <c r="AG47" t="s">
        <v>119</v>
      </c>
      <c r="AH47">
        <v>0</v>
      </c>
      <c r="AI47" t="s">
        <v>119</v>
      </c>
      <c r="AJ47" t="s">
        <v>119</v>
      </c>
      <c r="AK47">
        <v>0</v>
      </c>
      <c r="AL47">
        <v>0</v>
      </c>
      <c r="AM47">
        <v>0</v>
      </c>
      <c r="AN47" t="s">
        <v>119</v>
      </c>
      <c r="AO47" t="s">
        <v>119</v>
      </c>
      <c r="AP47" t="s">
        <v>119</v>
      </c>
      <c r="AQ47" t="s">
        <v>119</v>
      </c>
      <c r="AR47">
        <v>0</v>
      </c>
      <c r="AS47" t="s">
        <v>119</v>
      </c>
      <c r="AT47" t="s">
        <v>119</v>
      </c>
      <c r="AU47" t="s">
        <v>119</v>
      </c>
      <c r="AV47" t="s">
        <v>119</v>
      </c>
      <c r="AW47" t="s">
        <v>119</v>
      </c>
      <c r="AX47" t="s">
        <v>119</v>
      </c>
    </row>
    <row r="48" spans="1:50" ht="17.5">
      <c r="A48">
        <v>16</v>
      </c>
      <c r="B48" t="s">
        <v>155</v>
      </c>
      <c r="C48" t="s">
        <v>179</v>
      </c>
      <c r="D48" s="5" t="s">
        <v>99</v>
      </c>
      <c r="E48" s="6">
        <v>8</v>
      </c>
      <c r="F48">
        <v>33</v>
      </c>
      <c r="G48" s="1">
        <v>3.3000000000000003</v>
      </c>
      <c r="H48" t="s">
        <v>119</v>
      </c>
      <c r="I48">
        <v>0</v>
      </c>
      <c r="J48">
        <v>8</v>
      </c>
      <c r="K48" t="s">
        <v>119</v>
      </c>
      <c r="L48">
        <v>0</v>
      </c>
      <c r="M48" t="s">
        <v>119</v>
      </c>
      <c r="N48">
        <v>0</v>
      </c>
      <c r="O48">
        <v>0</v>
      </c>
      <c r="P48">
        <v>0</v>
      </c>
      <c r="Q48">
        <v>0</v>
      </c>
      <c r="R48">
        <v>0</v>
      </c>
      <c r="S48" t="s">
        <v>119</v>
      </c>
      <c r="T48">
        <v>2</v>
      </c>
      <c r="U48" t="s">
        <v>119</v>
      </c>
      <c r="V48">
        <v>0</v>
      </c>
      <c r="W48">
        <v>0</v>
      </c>
      <c r="X48">
        <v>0</v>
      </c>
      <c r="Y48">
        <v>0</v>
      </c>
      <c r="Z48">
        <v>0</v>
      </c>
      <c r="AA48">
        <v>0</v>
      </c>
      <c r="AB48">
        <v>0</v>
      </c>
      <c r="AC48">
        <v>0</v>
      </c>
      <c r="AD48">
        <v>0</v>
      </c>
      <c r="AE48">
        <v>0</v>
      </c>
      <c r="AF48" t="s">
        <v>119</v>
      </c>
      <c r="AG48">
        <v>0</v>
      </c>
      <c r="AH48">
        <v>0</v>
      </c>
      <c r="AI48">
        <v>0</v>
      </c>
      <c r="AJ48">
        <v>0</v>
      </c>
      <c r="AK48">
        <v>0</v>
      </c>
      <c r="AL48">
        <v>0</v>
      </c>
      <c r="AM48">
        <v>0</v>
      </c>
      <c r="AN48">
        <v>3</v>
      </c>
      <c r="AO48">
        <v>0</v>
      </c>
      <c r="AP48">
        <v>0</v>
      </c>
      <c r="AQ48">
        <v>0</v>
      </c>
      <c r="AR48">
        <v>0</v>
      </c>
      <c r="AS48">
        <v>0</v>
      </c>
      <c r="AT48" t="s">
        <v>119</v>
      </c>
      <c r="AU48" t="s">
        <v>119</v>
      </c>
      <c r="AV48">
        <v>0</v>
      </c>
      <c r="AW48" t="s">
        <v>119</v>
      </c>
      <c r="AX48" t="s">
        <v>119</v>
      </c>
    </row>
    <row r="49" spans="1:50" ht="17.5">
      <c r="A49">
        <v>16</v>
      </c>
      <c r="B49" t="s">
        <v>165</v>
      </c>
      <c r="C49" t="s">
        <v>180</v>
      </c>
      <c r="D49" s="5" t="s">
        <v>99</v>
      </c>
      <c r="E49" s="6">
        <v>5</v>
      </c>
      <c r="F49">
        <v>33</v>
      </c>
      <c r="G49" s="1">
        <v>5.28</v>
      </c>
      <c r="H49" t="s">
        <v>119</v>
      </c>
      <c r="I49">
        <v>0</v>
      </c>
      <c r="J49">
        <v>0</v>
      </c>
      <c r="K49">
        <v>3</v>
      </c>
      <c r="L49">
        <v>0</v>
      </c>
      <c r="M49">
        <v>0</v>
      </c>
      <c r="N49">
        <v>0</v>
      </c>
      <c r="O49">
        <v>0</v>
      </c>
      <c r="P49">
        <v>0</v>
      </c>
      <c r="Q49">
        <v>0</v>
      </c>
      <c r="R49">
        <v>0</v>
      </c>
      <c r="S49" t="s">
        <v>119</v>
      </c>
      <c r="T49">
        <v>0</v>
      </c>
      <c r="U49">
        <v>3</v>
      </c>
      <c r="V49">
        <v>0</v>
      </c>
      <c r="W49">
        <v>0</v>
      </c>
      <c r="X49">
        <v>0</v>
      </c>
      <c r="Y49">
        <v>0</v>
      </c>
      <c r="Z49">
        <v>0</v>
      </c>
      <c r="AA49">
        <v>0</v>
      </c>
      <c r="AB49">
        <v>0</v>
      </c>
      <c r="AC49">
        <v>0</v>
      </c>
      <c r="AD49">
        <v>0</v>
      </c>
      <c r="AE49">
        <v>0</v>
      </c>
      <c r="AF49">
        <v>0</v>
      </c>
      <c r="AG49">
        <v>0</v>
      </c>
      <c r="AH49">
        <v>0</v>
      </c>
      <c r="AI49">
        <v>0</v>
      </c>
      <c r="AJ49">
        <v>0</v>
      </c>
      <c r="AK49">
        <v>0</v>
      </c>
      <c r="AL49">
        <v>0</v>
      </c>
      <c r="AM49">
        <v>0</v>
      </c>
      <c r="AN49">
        <v>0</v>
      </c>
      <c r="AO49">
        <v>0</v>
      </c>
      <c r="AP49">
        <v>0</v>
      </c>
      <c r="AQ49">
        <v>0</v>
      </c>
      <c r="AR49">
        <v>0</v>
      </c>
      <c r="AS49">
        <v>0</v>
      </c>
      <c r="AT49" t="s">
        <v>119</v>
      </c>
      <c r="AU49">
        <v>0</v>
      </c>
      <c r="AV49">
        <v>0</v>
      </c>
      <c r="AW49" t="s">
        <v>119</v>
      </c>
      <c r="AX49">
        <v>0</v>
      </c>
    </row>
    <row r="50" spans="1:50" ht="17.5">
      <c r="A50">
        <v>16</v>
      </c>
      <c r="B50" t="s">
        <v>123</v>
      </c>
      <c r="C50" t="s">
        <v>181</v>
      </c>
      <c r="D50" s="5" t="s">
        <v>99</v>
      </c>
      <c r="E50" s="6">
        <v>5</v>
      </c>
      <c r="F50">
        <v>33</v>
      </c>
      <c r="G50" s="1">
        <v>5.28</v>
      </c>
      <c r="H50" t="s">
        <v>119</v>
      </c>
      <c r="I50">
        <v>2</v>
      </c>
      <c r="J50">
        <v>3</v>
      </c>
      <c r="K50" t="s">
        <v>119</v>
      </c>
      <c r="L50">
        <v>0</v>
      </c>
      <c r="M50">
        <v>3</v>
      </c>
      <c r="N50">
        <v>0</v>
      </c>
      <c r="O50">
        <v>0</v>
      </c>
      <c r="P50">
        <v>0</v>
      </c>
      <c r="Q50" t="s">
        <v>119</v>
      </c>
      <c r="R50">
        <v>0</v>
      </c>
      <c r="S50" t="s">
        <v>119</v>
      </c>
      <c r="T50">
        <v>0</v>
      </c>
      <c r="U50" t="s">
        <v>119</v>
      </c>
      <c r="V50">
        <v>0</v>
      </c>
      <c r="W50">
        <v>0</v>
      </c>
      <c r="X50">
        <v>0</v>
      </c>
      <c r="Y50">
        <v>0</v>
      </c>
      <c r="Z50">
        <v>0</v>
      </c>
      <c r="AA50">
        <v>0</v>
      </c>
      <c r="AB50" t="s">
        <v>119</v>
      </c>
      <c r="AC50">
        <v>0</v>
      </c>
      <c r="AD50">
        <v>0</v>
      </c>
      <c r="AE50">
        <v>0</v>
      </c>
      <c r="AF50">
        <v>0</v>
      </c>
      <c r="AG50">
        <v>0</v>
      </c>
      <c r="AH50">
        <v>0</v>
      </c>
      <c r="AI50">
        <v>0</v>
      </c>
      <c r="AJ50">
        <v>0</v>
      </c>
      <c r="AK50">
        <v>0</v>
      </c>
      <c r="AL50">
        <v>0</v>
      </c>
      <c r="AM50">
        <v>0</v>
      </c>
      <c r="AN50">
        <v>3</v>
      </c>
      <c r="AO50">
        <v>0</v>
      </c>
      <c r="AP50">
        <v>0</v>
      </c>
      <c r="AQ50">
        <v>0</v>
      </c>
      <c r="AR50">
        <v>0</v>
      </c>
      <c r="AS50">
        <v>0</v>
      </c>
      <c r="AT50" t="s">
        <v>119</v>
      </c>
      <c r="AU50">
        <v>0</v>
      </c>
      <c r="AV50">
        <v>0</v>
      </c>
      <c r="AW50" t="s">
        <v>119</v>
      </c>
      <c r="AX50">
        <v>0</v>
      </c>
    </row>
    <row r="51" spans="1:50" ht="17.5">
      <c r="A51">
        <v>17</v>
      </c>
      <c r="B51" t="s">
        <v>145</v>
      </c>
      <c r="C51" t="s">
        <v>182</v>
      </c>
      <c r="D51" s="5" t="s">
        <v>94</v>
      </c>
      <c r="E51" s="6">
        <v>6</v>
      </c>
      <c r="F51">
        <v>34</v>
      </c>
      <c r="G51" s="1">
        <v>4.5333333333333341</v>
      </c>
      <c r="H51" t="s">
        <v>119</v>
      </c>
      <c r="I51">
        <v>3</v>
      </c>
      <c r="J51">
        <v>5</v>
      </c>
      <c r="K51" t="s">
        <v>119</v>
      </c>
      <c r="L51" t="s">
        <v>119</v>
      </c>
      <c r="M51" t="s">
        <v>119</v>
      </c>
      <c r="N51">
        <v>3</v>
      </c>
      <c r="O51">
        <v>3</v>
      </c>
      <c r="P51">
        <v>0</v>
      </c>
      <c r="Q51">
        <v>5</v>
      </c>
      <c r="R51">
        <v>2</v>
      </c>
      <c r="S51" t="s">
        <v>119</v>
      </c>
      <c r="T51">
        <v>0</v>
      </c>
      <c r="U51" t="s">
        <v>119</v>
      </c>
      <c r="V51">
        <v>0</v>
      </c>
      <c r="W51">
        <v>0</v>
      </c>
      <c r="X51">
        <v>0</v>
      </c>
      <c r="Y51">
        <v>2</v>
      </c>
      <c r="Z51">
        <v>0</v>
      </c>
      <c r="AA51" t="s">
        <v>119</v>
      </c>
      <c r="AB51">
        <v>4</v>
      </c>
      <c r="AC51">
        <v>0</v>
      </c>
      <c r="AD51">
        <v>0</v>
      </c>
      <c r="AE51">
        <v>0</v>
      </c>
      <c r="AF51">
        <v>5</v>
      </c>
      <c r="AG51" t="s">
        <v>119</v>
      </c>
      <c r="AH51">
        <v>3</v>
      </c>
      <c r="AI51" t="s">
        <v>119</v>
      </c>
      <c r="AJ51">
        <v>0</v>
      </c>
      <c r="AK51">
        <v>0</v>
      </c>
      <c r="AL51">
        <v>0</v>
      </c>
      <c r="AM51">
        <v>0</v>
      </c>
      <c r="AN51">
        <v>3</v>
      </c>
      <c r="AO51" t="s">
        <v>119</v>
      </c>
      <c r="AP51" t="s">
        <v>119</v>
      </c>
      <c r="AQ51">
        <v>0</v>
      </c>
      <c r="AR51">
        <v>0</v>
      </c>
      <c r="AS51">
        <v>0</v>
      </c>
      <c r="AT51" t="s">
        <v>119</v>
      </c>
      <c r="AU51" t="s">
        <v>119</v>
      </c>
      <c r="AV51" t="s">
        <v>119</v>
      </c>
      <c r="AW51" t="s">
        <v>119</v>
      </c>
      <c r="AX51" t="s">
        <v>119</v>
      </c>
    </row>
    <row r="52" spans="1:50" ht="17.5">
      <c r="A52">
        <v>17</v>
      </c>
      <c r="B52" t="s">
        <v>128</v>
      </c>
      <c r="C52" t="s">
        <v>183</v>
      </c>
      <c r="D52" s="5" t="s">
        <v>94</v>
      </c>
      <c r="E52" s="6">
        <v>6</v>
      </c>
      <c r="F52">
        <v>34</v>
      </c>
      <c r="G52" s="1">
        <v>4.5333333333333341</v>
      </c>
      <c r="H52">
        <v>5</v>
      </c>
      <c r="I52">
        <v>0</v>
      </c>
      <c r="J52">
        <v>0</v>
      </c>
      <c r="K52">
        <v>4</v>
      </c>
      <c r="L52">
        <v>4</v>
      </c>
      <c r="M52">
        <v>4</v>
      </c>
      <c r="N52">
        <v>0</v>
      </c>
      <c r="O52">
        <v>5</v>
      </c>
      <c r="P52">
        <v>0</v>
      </c>
      <c r="Q52">
        <v>5</v>
      </c>
      <c r="R52">
        <v>0</v>
      </c>
      <c r="S52" t="s">
        <v>119</v>
      </c>
      <c r="T52">
        <v>3</v>
      </c>
      <c r="U52" t="s">
        <v>119</v>
      </c>
      <c r="V52">
        <v>0</v>
      </c>
      <c r="W52">
        <v>0</v>
      </c>
      <c r="X52">
        <v>0</v>
      </c>
      <c r="Y52">
        <v>0</v>
      </c>
      <c r="Z52">
        <v>2</v>
      </c>
      <c r="AA52">
        <v>4</v>
      </c>
      <c r="AB52">
        <v>5</v>
      </c>
      <c r="AC52">
        <v>0</v>
      </c>
      <c r="AD52">
        <v>0</v>
      </c>
      <c r="AE52">
        <v>0</v>
      </c>
      <c r="AF52">
        <v>4</v>
      </c>
      <c r="AG52">
        <v>0</v>
      </c>
      <c r="AH52">
        <v>2</v>
      </c>
      <c r="AI52">
        <v>4</v>
      </c>
      <c r="AJ52">
        <v>0</v>
      </c>
      <c r="AK52">
        <v>0</v>
      </c>
      <c r="AL52">
        <v>0</v>
      </c>
      <c r="AM52">
        <v>0</v>
      </c>
      <c r="AN52">
        <v>2</v>
      </c>
      <c r="AO52">
        <v>0</v>
      </c>
      <c r="AP52">
        <v>4</v>
      </c>
      <c r="AQ52">
        <v>3</v>
      </c>
      <c r="AR52" t="s">
        <v>119</v>
      </c>
      <c r="AS52">
        <v>4</v>
      </c>
      <c r="AT52">
        <v>4</v>
      </c>
      <c r="AU52" t="s">
        <v>119</v>
      </c>
      <c r="AV52">
        <v>0</v>
      </c>
      <c r="AW52" t="s">
        <v>119</v>
      </c>
      <c r="AX52">
        <v>5</v>
      </c>
    </row>
    <row r="53" spans="1:50" ht="17.5">
      <c r="A53">
        <v>18</v>
      </c>
      <c r="B53" t="s">
        <v>135</v>
      </c>
      <c r="C53" t="s">
        <v>184</v>
      </c>
      <c r="D53" s="5" t="s">
        <v>185</v>
      </c>
      <c r="E53" s="6">
        <v>9</v>
      </c>
      <c r="F53">
        <v>35</v>
      </c>
      <c r="G53" s="1">
        <v>3.1111111111111112</v>
      </c>
      <c r="H53">
        <v>0</v>
      </c>
      <c r="I53">
        <v>0</v>
      </c>
      <c r="J53">
        <v>2</v>
      </c>
      <c r="K53">
        <v>6</v>
      </c>
      <c r="L53">
        <v>2</v>
      </c>
      <c r="M53">
        <v>2</v>
      </c>
      <c r="N53">
        <v>0</v>
      </c>
      <c r="O53">
        <v>0</v>
      </c>
      <c r="P53">
        <v>0</v>
      </c>
      <c r="Q53">
        <v>0</v>
      </c>
      <c r="R53">
        <v>0</v>
      </c>
      <c r="S53">
        <v>3</v>
      </c>
      <c r="T53">
        <v>0</v>
      </c>
      <c r="U53">
        <v>2</v>
      </c>
      <c r="V53">
        <v>0</v>
      </c>
      <c r="W53">
        <v>0</v>
      </c>
      <c r="X53">
        <v>0</v>
      </c>
      <c r="Y53">
        <v>0</v>
      </c>
      <c r="Z53">
        <v>0</v>
      </c>
      <c r="AA53">
        <v>0</v>
      </c>
      <c r="AB53">
        <v>0</v>
      </c>
      <c r="AC53">
        <v>0</v>
      </c>
      <c r="AD53">
        <v>0</v>
      </c>
      <c r="AE53">
        <v>0</v>
      </c>
      <c r="AF53">
        <v>2</v>
      </c>
      <c r="AG53">
        <v>0</v>
      </c>
      <c r="AH53">
        <v>0</v>
      </c>
      <c r="AI53">
        <v>5</v>
      </c>
      <c r="AJ53">
        <v>0</v>
      </c>
      <c r="AK53">
        <v>0</v>
      </c>
      <c r="AL53">
        <v>0</v>
      </c>
      <c r="AM53">
        <v>0</v>
      </c>
      <c r="AN53">
        <v>0</v>
      </c>
      <c r="AO53">
        <v>0</v>
      </c>
      <c r="AP53">
        <v>6</v>
      </c>
      <c r="AQ53">
        <v>0</v>
      </c>
      <c r="AR53">
        <v>0</v>
      </c>
      <c r="AS53">
        <v>0</v>
      </c>
      <c r="AT53" t="s">
        <v>119</v>
      </c>
      <c r="AU53">
        <v>0</v>
      </c>
      <c r="AV53">
        <v>0</v>
      </c>
      <c r="AW53" t="s">
        <v>119</v>
      </c>
      <c r="AX53">
        <v>0</v>
      </c>
    </row>
    <row r="54" spans="1:50" ht="17.5">
      <c r="A54">
        <v>18</v>
      </c>
      <c r="B54" t="s">
        <v>170</v>
      </c>
      <c r="C54" t="s">
        <v>186</v>
      </c>
      <c r="D54" s="5" t="s">
        <v>185</v>
      </c>
      <c r="E54" s="6">
        <v>10</v>
      </c>
      <c r="F54">
        <v>35</v>
      </c>
      <c r="G54" s="1">
        <v>2.8</v>
      </c>
      <c r="H54">
        <v>0</v>
      </c>
      <c r="I54">
        <v>0</v>
      </c>
      <c r="J54">
        <v>0</v>
      </c>
      <c r="K54">
        <v>8</v>
      </c>
      <c r="L54">
        <v>4</v>
      </c>
      <c r="M54" t="s">
        <v>119</v>
      </c>
      <c r="N54">
        <v>0</v>
      </c>
      <c r="O54">
        <v>0</v>
      </c>
      <c r="P54">
        <v>0</v>
      </c>
      <c r="Q54">
        <v>7</v>
      </c>
      <c r="R54">
        <v>0</v>
      </c>
      <c r="S54" t="s">
        <v>119</v>
      </c>
      <c r="T54">
        <v>0</v>
      </c>
      <c r="U54">
        <v>8</v>
      </c>
      <c r="V54">
        <v>0</v>
      </c>
      <c r="W54">
        <v>0</v>
      </c>
      <c r="X54">
        <v>0</v>
      </c>
      <c r="Y54">
        <v>0</v>
      </c>
      <c r="Z54">
        <v>0</v>
      </c>
      <c r="AA54">
        <v>3</v>
      </c>
      <c r="AB54">
        <v>3</v>
      </c>
      <c r="AC54">
        <v>0</v>
      </c>
      <c r="AD54">
        <v>0</v>
      </c>
      <c r="AE54">
        <v>0</v>
      </c>
      <c r="AF54">
        <v>8</v>
      </c>
      <c r="AG54">
        <v>0</v>
      </c>
      <c r="AH54">
        <v>0</v>
      </c>
      <c r="AI54">
        <v>6</v>
      </c>
      <c r="AJ54">
        <v>0</v>
      </c>
      <c r="AK54">
        <v>0</v>
      </c>
      <c r="AL54">
        <v>0</v>
      </c>
      <c r="AM54">
        <v>0</v>
      </c>
      <c r="AN54">
        <v>3</v>
      </c>
      <c r="AO54" t="s">
        <v>119</v>
      </c>
      <c r="AP54">
        <v>4</v>
      </c>
      <c r="AQ54">
        <v>2</v>
      </c>
      <c r="AR54">
        <v>0</v>
      </c>
      <c r="AS54">
        <v>0</v>
      </c>
      <c r="AT54" t="s">
        <v>119</v>
      </c>
      <c r="AU54">
        <v>7</v>
      </c>
      <c r="AV54" t="s">
        <v>119</v>
      </c>
      <c r="AW54" t="s">
        <v>119</v>
      </c>
      <c r="AX54">
        <v>5</v>
      </c>
    </row>
    <row r="55" spans="1:50" ht="17.5">
      <c r="A55">
        <v>19</v>
      </c>
      <c r="B55" t="s">
        <v>170</v>
      </c>
      <c r="C55" t="s">
        <v>187</v>
      </c>
      <c r="D55" s="5" t="s">
        <v>102</v>
      </c>
      <c r="E55" s="6">
        <v>7</v>
      </c>
      <c r="F55">
        <v>36</v>
      </c>
      <c r="G55" s="1">
        <v>4.1142857142857148</v>
      </c>
      <c r="H55">
        <v>0</v>
      </c>
      <c r="I55">
        <v>0</v>
      </c>
      <c r="J55">
        <v>0</v>
      </c>
      <c r="K55">
        <v>5</v>
      </c>
      <c r="L55">
        <v>0</v>
      </c>
      <c r="M55">
        <v>3</v>
      </c>
      <c r="N55">
        <v>0</v>
      </c>
      <c r="O55">
        <v>0</v>
      </c>
      <c r="P55">
        <v>0</v>
      </c>
      <c r="Q55">
        <v>4</v>
      </c>
      <c r="R55">
        <v>0</v>
      </c>
      <c r="S55" t="s">
        <v>119</v>
      </c>
      <c r="T55">
        <v>0</v>
      </c>
      <c r="U55">
        <v>0</v>
      </c>
      <c r="V55">
        <v>0</v>
      </c>
      <c r="W55">
        <v>0</v>
      </c>
      <c r="X55">
        <v>0</v>
      </c>
      <c r="Y55">
        <v>0</v>
      </c>
      <c r="Z55">
        <v>0</v>
      </c>
      <c r="AA55">
        <v>0</v>
      </c>
      <c r="AB55">
        <v>3</v>
      </c>
      <c r="AC55">
        <v>0</v>
      </c>
      <c r="AD55" t="s">
        <v>119</v>
      </c>
      <c r="AE55">
        <v>0</v>
      </c>
      <c r="AF55">
        <v>0</v>
      </c>
      <c r="AG55">
        <v>0</v>
      </c>
      <c r="AH55">
        <v>0</v>
      </c>
      <c r="AI55">
        <v>4</v>
      </c>
      <c r="AJ55">
        <v>0</v>
      </c>
      <c r="AK55">
        <v>0</v>
      </c>
      <c r="AL55">
        <v>0</v>
      </c>
      <c r="AM55">
        <v>0</v>
      </c>
      <c r="AN55">
        <v>0</v>
      </c>
      <c r="AO55" t="s">
        <v>119</v>
      </c>
      <c r="AP55">
        <v>4</v>
      </c>
      <c r="AQ55">
        <v>0</v>
      </c>
      <c r="AR55" t="s">
        <v>119</v>
      </c>
      <c r="AS55">
        <v>0</v>
      </c>
      <c r="AT55" t="s">
        <v>119</v>
      </c>
      <c r="AU55" t="s">
        <v>119</v>
      </c>
      <c r="AV55" t="s">
        <v>119</v>
      </c>
      <c r="AW55" t="s">
        <v>119</v>
      </c>
      <c r="AX55">
        <v>0</v>
      </c>
    </row>
    <row r="56" spans="1:50" ht="17.5">
      <c r="A56">
        <v>19</v>
      </c>
      <c r="B56" t="s">
        <v>152</v>
      </c>
      <c r="C56" t="s">
        <v>188</v>
      </c>
      <c r="D56" s="5" t="s">
        <v>102</v>
      </c>
      <c r="E56" s="6">
        <v>5</v>
      </c>
      <c r="F56">
        <v>36</v>
      </c>
      <c r="G56" s="1">
        <v>5.76</v>
      </c>
      <c r="H56" t="s">
        <v>119</v>
      </c>
      <c r="I56">
        <v>0</v>
      </c>
      <c r="J56">
        <v>2</v>
      </c>
      <c r="K56" t="s">
        <v>119</v>
      </c>
      <c r="L56">
        <v>2</v>
      </c>
      <c r="M56">
        <v>0</v>
      </c>
      <c r="N56">
        <v>0</v>
      </c>
      <c r="O56">
        <v>0</v>
      </c>
      <c r="P56">
        <v>0</v>
      </c>
      <c r="Q56">
        <v>0</v>
      </c>
      <c r="R56">
        <v>0</v>
      </c>
      <c r="S56">
        <v>0</v>
      </c>
      <c r="T56">
        <v>0</v>
      </c>
      <c r="U56" t="s">
        <v>119</v>
      </c>
      <c r="V56">
        <v>0</v>
      </c>
      <c r="W56">
        <v>0</v>
      </c>
      <c r="X56">
        <v>0</v>
      </c>
      <c r="Y56">
        <v>0</v>
      </c>
      <c r="Z56">
        <v>0</v>
      </c>
      <c r="AA56" t="s">
        <v>119</v>
      </c>
      <c r="AB56">
        <v>0</v>
      </c>
      <c r="AC56">
        <v>0</v>
      </c>
      <c r="AD56">
        <v>0</v>
      </c>
      <c r="AE56">
        <v>0</v>
      </c>
      <c r="AF56">
        <v>0</v>
      </c>
      <c r="AG56">
        <v>0</v>
      </c>
      <c r="AH56">
        <v>0</v>
      </c>
      <c r="AI56" t="s">
        <v>119</v>
      </c>
      <c r="AJ56">
        <v>0</v>
      </c>
      <c r="AK56">
        <v>0</v>
      </c>
      <c r="AL56">
        <v>0</v>
      </c>
      <c r="AM56">
        <v>0</v>
      </c>
      <c r="AN56">
        <v>0</v>
      </c>
      <c r="AO56">
        <v>0</v>
      </c>
      <c r="AP56" t="s">
        <v>119</v>
      </c>
      <c r="AQ56">
        <v>0</v>
      </c>
      <c r="AR56">
        <v>0</v>
      </c>
      <c r="AS56">
        <v>2</v>
      </c>
      <c r="AT56" t="s">
        <v>119</v>
      </c>
      <c r="AU56" t="s">
        <v>119</v>
      </c>
      <c r="AV56">
        <v>0</v>
      </c>
      <c r="AW56" t="s">
        <v>119</v>
      </c>
      <c r="AX56">
        <v>0</v>
      </c>
    </row>
    <row r="57" spans="1:50" ht="17.5">
      <c r="A57">
        <v>19</v>
      </c>
      <c r="B57" t="s">
        <v>128</v>
      </c>
      <c r="C57" t="s">
        <v>189</v>
      </c>
      <c r="D57" s="5" t="s">
        <v>102</v>
      </c>
      <c r="E57" s="6">
        <v>7</v>
      </c>
      <c r="F57">
        <v>36</v>
      </c>
      <c r="G57" s="1">
        <v>4.1142857142857148</v>
      </c>
      <c r="H57">
        <v>0</v>
      </c>
      <c r="I57">
        <v>0</v>
      </c>
      <c r="J57">
        <v>0</v>
      </c>
      <c r="K57">
        <v>3</v>
      </c>
      <c r="L57">
        <v>2</v>
      </c>
      <c r="M57">
        <v>3</v>
      </c>
      <c r="N57">
        <v>0</v>
      </c>
      <c r="O57">
        <v>3</v>
      </c>
      <c r="P57">
        <v>0</v>
      </c>
      <c r="Q57">
        <v>3</v>
      </c>
      <c r="R57">
        <v>0</v>
      </c>
      <c r="S57">
        <v>0</v>
      </c>
      <c r="T57">
        <v>0</v>
      </c>
      <c r="U57">
        <v>3</v>
      </c>
      <c r="V57">
        <v>0</v>
      </c>
      <c r="W57">
        <v>0</v>
      </c>
      <c r="X57">
        <v>0</v>
      </c>
      <c r="Y57">
        <v>0</v>
      </c>
      <c r="Z57">
        <v>2</v>
      </c>
      <c r="AA57">
        <v>0</v>
      </c>
      <c r="AB57">
        <v>3</v>
      </c>
      <c r="AC57">
        <v>0</v>
      </c>
      <c r="AD57" t="s">
        <v>119</v>
      </c>
      <c r="AE57">
        <v>0</v>
      </c>
      <c r="AF57">
        <v>0</v>
      </c>
      <c r="AG57">
        <v>0</v>
      </c>
      <c r="AH57">
        <v>0</v>
      </c>
      <c r="AI57">
        <v>0</v>
      </c>
      <c r="AJ57">
        <v>0</v>
      </c>
      <c r="AK57" t="s">
        <v>119</v>
      </c>
      <c r="AL57">
        <v>0</v>
      </c>
      <c r="AM57">
        <v>0</v>
      </c>
      <c r="AN57">
        <v>0</v>
      </c>
      <c r="AO57">
        <v>0</v>
      </c>
      <c r="AP57">
        <v>0</v>
      </c>
      <c r="AQ57">
        <v>0</v>
      </c>
      <c r="AR57" t="s">
        <v>119</v>
      </c>
      <c r="AS57">
        <v>0</v>
      </c>
      <c r="AT57">
        <v>4</v>
      </c>
      <c r="AU57">
        <v>3</v>
      </c>
      <c r="AV57">
        <v>0</v>
      </c>
      <c r="AW57" t="s">
        <v>119</v>
      </c>
      <c r="AX57">
        <v>3</v>
      </c>
    </row>
    <row r="58" spans="1:50" ht="17.5">
      <c r="A58">
        <v>20</v>
      </c>
      <c r="B58" t="s">
        <v>170</v>
      </c>
      <c r="C58" t="s">
        <v>190</v>
      </c>
      <c r="D58" s="5" t="s">
        <v>105</v>
      </c>
      <c r="E58" s="6">
        <v>7</v>
      </c>
      <c r="F58">
        <v>37</v>
      </c>
      <c r="G58" s="1">
        <v>4.2285714285714286</v>
      </c>
      <c r="H58">
        <v>0</v>
      </c>
      <c r="I58">
        <v>0</v>
      </c>
      <c r="J58">
        <v>0</v>
      </c>
      <c r="K58">
        <v>4</v>
      </c>
      <c r="L58">
        <v>4</v>
      </c>
      <c r="M58">
        <v>4</v>
      </c>
      <c r="N58">
        <v>0</v>
      </c>
      <c r="O58">
        <v>0</v>
      </c>
      <c r="P58">
        <v>0</v>
      </c>
      <c r="Q58">
        <v>5</v>
      </c>
      <c r="R58">
        <v>0</v>
      </c>
      <c r="S58">
        <v>6</v>
      </c>
      <c r="T58">
        <v>0</v>
      </c>
      <c r="U58">
        <v>7</v>
      </c>
      <c r="V58">
        <v>0</v>
      </c>
      <c r="W58">
        <v>0</v>
      </c>
      <c r="X58">
        <v>0</v>
      </c>
      <c r="Y58">
        <v>0</v>
      </c>
      <c r="Z58">
        <v>0</v>
      </c>
      <c r="AA58">
        <v>0</v>
      </c>
      <c r="AB58">
        <v>4</v>
      </c>
      <c r="AC58">
        <v>0</v>
      </c>
      <c r="AD58" t="s">
        <v>119</v>
      </c>
      <c r="AE58">
        <v>0</v>
      </c>
      <c r="AF58">
        <v>0</v>
      </c>
      <c r="AG58">
        <v>0</v>
      </c>
      <c r="AH58">
        <v>0</v>
      </c>
      <c r="AI58">
        <v>5</v>
      </c>
      <c r="AJ58">
        <v>0</v>
      </c>
      <c r="AK58" t="s">
        <v>119</v>
      </c>
      <c r="AL58">
        <v>0</v>
      </c>
      <c r="AM58">
        <v>0</v>
      </c>
      <c r="AN58">
        <v>0</v>
      </c>
      <c r="AO58">
        <v>0</v>
      </c>
      <c r="AP58">
        <v>4</v>
      </c>
      <c r="AQ58">
        <v>2</v>
      </c>
      <c r="AR58" t="s">
        <v>119</v>
      </c>
      <c r="AS58">
        <v>0</v>
      </c>
      <c r="AT58" t="s">
        <v>119</v>
      </c>
      <c r="AU58">
        <v>6</v>
      </c>
      <c r="AV58" t="s">
        <v>119</v>
      </c>
      <c r="AW58" t="s">
        <v>119</v>
      </c>
      <c r="AX58">
        <v>5</v>
      </c>
    </row>
    <row r="59" spans="1:50" ht="17.5">
      <c r="A59">
        <v>20</v>
      </c>
      <c r="B59" t="s">
        <v>170</v>
      </c>
      <c r="C59" t="s">
        <v>191</v>
      </c>
      <c r="D59" s="5" t="s">
        <v>105</v>
      </c>
      <c r="E59" s="6">
        <v>8</v>
      </c>
      <c r="F59">
        <v>37</v>
      </c>
      <c r="G59" s="1">
        <v>3.7</v>
      </c>
      <c r="H59">
        <v>0</v>
      </c>
      <c r="I59">
        <v>0</v>
      </c>
      <c r="J59">
        <v>0</v>
      </c>
      <c r="K59">
        <v>4</v>
      </c>
      <c r="L59">
        <v>3</v>
      </c>
      <c r="M59">
        <v>5</v>
      </c>
      <c r="N59">
        <v>0</v>
      </c>
      <c r="O59">
        <v>0</v>
      </c>
      <c r="P59">
        <v>0</v>
      </c>
      <c r="Q59">
        <v>0</v>
      </c>
      <c r="R59">
        <v>0</v>
      </c>
      <c r="S59" t="s">
        <v>119</v>
      </c>
      <c r="T59">
        <v>0</v>
      </c>
      <c r="U59">
        <v>0</v>
      </c>
      <c r="V59">
        <v>0</v>
      </c>
      <c r="W59">
        <v>0</v>
      </c>
      <c r="X59">
        <v>0</v>
      </c>
      <c r="Y59">
        <v>0</v>
      </c>
      <c r="Z59">
        <v>0</v>
      </c>
      <c r="AA59">
        <v>0</v>
      </c>
      <c r="AB59">
        <v>3</v>
      </c>
      <c r="AC59">
        <v>0</v>
      </c>
      <c r="AD59" t="s">
        <v>119</v>
      </c>
      <c r="AE59">
        <v>0</v>
      </c>
      <c r="AF59">
        <v>0</v>
      </c>
      <c r="AG59">
        <v>0</v>
      </c>
      <c r="AH59">
        <v>0</v>
      </c>
      <c r="AI59">
        <v>4</v>
      </c>
      <c r="AJ59">
        <v>0</v>
      </c>
      <c r="AK59">
        <v>0</v>
      </c>
      <c r="AL59">
        <v>0</v>
      </c>
      <c r="AM59">
        <v>0</v>
      </c>
      <c r="AN59">
        <v>0</v>
      </c>
      <c r="AO59" t="s">
        <v>119</v>
      </c>
      <c r="AP59">
        <v>4</v>
      </c>
      <c r="AQ59">
        <v>0</v>
      </c>
      <c r="AR59" t="s">
        <v>119</v>
      </c>
      <c r="AS59">
        <v>0</v>
      </c>
      <c r="AT59">
        <v>8</v>
      </c>
      <c r="AU59">
        <v>0</v>
      </c>
      <c r="AV59">
        <v>0</v>
      </c>
      <c r="AW59" t="s">
        <v>119</v>
      </c>
      <c r="AX59">
        <v>3</v>
      </c>
    </row>
    <row r="60" spans="1:50" ht="17.5">
      <c r="A60">
        <v>22</v>
      </c>
      <c r="B60" t="s">
        <v>128</v>
      </c>
      <c r="C60" t="s">
        <v>192</v>
      </c>
      <c r="D60" s="5" t="s">
        <v>106</v>
      </c>
      <c r="E60" s="6">
        <v>6</v>
      </c>
      <c r="F60">
        <v>39</v>
      </c>
      <c r="G60" s="1">
        <v>5.2</v>
      </c>
      <c r="H60">
        <v>5</v>
      </c>
      <c r="I60">
        <v>2</v>
      </c>
      <c r="J60">
        <v>3</v>
      </c>
      <c r="K60">
        <v>5</v>
      </c>
      <c r="L60">
        <v>2</v>
      </c>
      <c r="M60">
        <v>2</v>
      </c>
      <c r="N60">
        <v>0</v>
      </c>
      <c r="O60">
        <v>0</v>
      </c>
      <c r="P60">
        <v>0</v>
      </c>
      <c r="Q60">
        <v>2</v>
      </c>
      <c r="R60">
        <v>0</v>
      </c>
      <c r="S60">
        <v>0</v>
      </c>
      <c r="T60">
        <v>0</v>
      </c>
      <c r="U60">
        <v>5</v>
      </c>
      <c r="V60">
        <v>0</v>
      </c>
      <c r="W60">
        <v>0</v>
      </c>
      <c r="X60">
        <v>0</v>
      </c>
      <c r="Y60">
        <v>0</v>
      </c>
      <c r="Z60">
        <v>0</v>
      </c>
      <c r="AA60">
        <v>0</v>
      </c>
      <c r="AB60">
        <v>2</v>
      </c>
      <c r="AC60">
        <v>0</v>
      </c>
      <c r="AD60" t="s">
        <v>119</v>
      </c>
      <c r="AE60">
        <v>0</v>
      </c>
      <c r="AF60">
        <v>0</v>
      </c>
      <c r="AG60">
        <v>4</v>
      </c>
      <c r="AH60">
        <v>0</v>
      </c>
      <c r="AI60">
        <v>0</v>
      </c>
      <c r="AJ60">
        <v>0</v>
      </c>
      <c r="AK60" t="s">
        <v>119</v>
      </c>
      <c r="AL60">
        <v>0</v>
      </c>
      <c r="AM60">
        <v>0</v>
      </c>
      <c r="AN60">
        <v>0</v>
      </c>
      <c r="AO60">
        <v>0</v>
      </c>
      <c r="AP60">
        <v>0</v>
      </c>
      <c r="AQ60">
        <v>0</v>
      </c>
      <c r="AR60">
        <v>0</v>
      </c>
      <c r="AS60">
        <v>2</v>
      </c>
      <c r="AT60">
        <v>5</v>
      </c>
      <c r="AU60">
        <v>4</v>
      </c>
      <c r="AV60">
        <v>0</v>
      </c>
      <c r="AW60">
        <v>4</v>
      </c>
      <c r="AX60">
        <v>2</v>
      </c>
    </row>
    <row r="61" spans="1:50" ht="17.5">
      <c r="A61">
        <v>23</v>
      </c>
      <c r="B61" t="s">
        <v>170</v>
      </c>
      <c r="C61" t="s">
        <v>193</v>
      </c>
      <c r="D61" s="5" t="s">
        <v>104</v>
      </c>
      <c r="E61" s="6">
        <v>7</v>
      </c>
      <c r="F61">
        <v>40</v>
      </c>
      <c r="G61" s="1">
        <v>4.5714285714285712</v>
      </c>
      <c r="H61">
        <v>0</v>
      </c>
      <c r="I61">
        <v>0</v>
      </c>
      <c r="J61">
        <v>0</v>
      </c>
      <c r="K61">
        <v>4</v>
      </c>
      <c r="L61">
        <v>0</v>
      </c>
      <c r="M61">
        <v>0</v>
      </c>
      <c r="N61">
        <v>0</v>
      </c>
      <c r="O61">
        <v>2</v>
      </c>
      <c r="P61">
        <v>0</v>
      </c>
      <c r="Q61">
        <v>0</v>
      </c>
      <c r="R61">
        <v>0</v>
      </c>
      <c r="S61">
        <v>0</v>
      </c>
      <c r="T61">
        <v>0</v>
      </c>
      <c r="U61">
        <v>0</v>
      </c>
      <c r="V61">
        <v>0</v>
      </c>
      <c r="W61">
        <v>0</v>
      </c>
      <c r="X61">
        <v>0</v>
      </c>
      <c r="Y61">
        <v>0</v>
      </c>
      <c r="Z61">
        <v>0</v>
      </c>
      <c r="AA61">
        <v>0</v>
      </c>
      <c r="AB61">
        <v>0</v>
      </c>
      <c r="AC61">
        <v>0</v>
      </c>
      <c r="AD61">
        <v>0</v>
      </c>
      <c r="AE61">
        <v>0</v>
      </c>
      <c r="AF61">
        <v>0</v>
      </c>
      <c r="AG61">
        <v>2</v>
      </c>
      <c r="AH61">
        <v>0</v>
      </c>
      <c r="AI61">
        <v>3</v>
      </c>
      <c r="AJ61">
        <v>0</v>
      </c>
      <c r="AK61" t="s">
        <v>119</v>
      </c>
      <c r="AL61">
        <v>0</v>
      </c>
      <c r="AM61">
        <v>0</v>
      </c>
      <c r="AN61">
        <v>0</v>
      </c>
      <c r="AO61">
        <v>0</v>
      </c>
      <c r="AP61">
        <v>3</v>
      </c>
      <c r="AQ61">
        <v>0</v>
      </c>
      <c r="AR61">
        <v>0</v>
      </c>
      <c r="AS61">
        <v>0</v>
      </c>
      <c r="AT61">
        <v>5</v>
      </c>
      <c r="AU61">
        <v>3</v>
      </c>
      <c r="AV61">
        <v>0</v>
      </c>
      <c r="AW61" t="s">
        <v>119</v>
      </c>
      <c r="AX61">
        <v>3</v>
      </c>
    </row>
    <row r="62" spans="1:50" ht="17.5">
      <c r="A62">
        <v>24</v>
      </c>
      <c r="B62" t="s">
        <v>165</v>
      </c>
      <c r="C62" t="s">
        <v>194</v>
      </c>
      <c r="D62" s="5" t="s">
        <v>195</v>
      </c>
      <c r="E62" s="6">
        <v>10</v>
      </c>
      <c r="F62">
        <v>41</v>
      </c>
      <c r="G62" s="1">
        <v>3.2800000000000002</v>
      </c>
      <c r="H62">
        <v>0</v>
      </c>
      <c r="I62">
        <v>0</v>
      </c>
      <c r="J62">
        <v>0</v>
      </c>
      <c r="K62">
        <v>0</v>
      </c>
      <c r="L62">
        <v>0</v>
      </c>
      <c r="M62">
        <v>0</v>
      </c>
      <c r="N62">
        <v>0</v>
      </c>
      <c r="O62">
        <v>0</v>
      </c>
      <c r="P62">
        <v>0</v>
      </c>
      <c r="Q62">
        <v>0</v>
      </c>
      <c r="R62">
        <v>0</v>
      </c>
      <c r="S62">
        <v>0</v>
      </c>
      <c r="T62">
        <v>0</v>
      </c>
      <c r="U62">
        <v>0</v>
      </c>
      <c r="V62">
        <v>0</v>
      </c>
      <c r="W62">
        <v>0</v>
      </c>
      <c r="X62">
        <v>0</v>
      </c>
      <c r="Y62">
        <v>0</v>
      </c>
      <c r="Z62">
        <v>0</v>
      </c>
      <c r="AA62">
        <v>0</v>
      </c>
      <c r="AB62">
        <v>0</v>
      </c>
      <c r="AC62">
        <v>0</v>
      </c>
      <c r="AD62">
        <v>0</v>
      </c>
      <c r="AE62">
        <v>0</v>
      </c>
      <c r="AF62">
        <v>0</v>
      </c>
      <c r="AG62">
        <v>0</v>
      </c>
      <c r="AH62">
        <v>0</v>
      </c>
      <c r="AI62">
        <v>0</v>
      </c>
      <c r="AJ62">
        <v>0</v>
      </c>
      <c r="AK62">
        <v>0</v>
      </c>
      <c r="AL62">
        <v>0</v>
      </c>
      <c r="AM62">
        <v>0</v>
      </c>
      <c r="AN62">
        <v>0</v>
      </c>
      <c r="AO62">
        <v>0</v>
      </c>
      <c r="AP62">
        <v>0</v>
      </c>
      <c r="AQ62">
        <v>0</v>
      </c>
      <c r="AR62">
        <v>0</v>
      </c>
      <c r="AS62">
        <v>0</v>
      </c>
      <c r="AT62">
        <v>0</v>
      </c>
      <c r="AU62">
        <v>0</v>
      </c>
      <c r="AV62">
        <v>0</v>
      </c>
      <c r="AW62">
        <v>2</v>
      </c>
      <c r="AX62">
        <v>0</v>
      </c>
    </row>
    <row r="63" spans="1:50" ht="17.5">
      <c r="A63">
        <v>24</v>
      </c>
      <c r="B63" t="s">
        <v>130</v>
      </c>
      <c r="C63" t="s">
        <v>196</v>
      </c>
      <c r="D63" s="5" t="s">
        <v>195</v>
      </c>
      <c r="E63" s="6">
        <v>11</v>
      </c>
      <c r="F63">
        <v>41</v>
      </c>
      <c r="G63" s="1">
        <v>2.9818181818181824</v>
      </c>
      <c r="H63">
        <v>0</v>
      </c>
      <c r="I63">
        <v>0</v>
      </c>
      <c r="J63">
        <v>0</v>
      </c>
      <c r="K63">
        <v>0</v>
      </c>
      <c r="L63">
        <v>5</v>
      </c>
      <c r="M63">
        <v>0</v>
      </c>
      <c r="N63">
        <v>0</v>
      </c>
      <c r="O63">
        <v>0</v>
      </c>
      <c r="P63">
        <v>0</v>
      </c>
      <c r="Q63">
        <v>0</v>
      </c>
      <c r="R63">
        <v>0</v>
      </c>
      <c r="S63">
        <v>8</v>
      </c>
      <c r="T63">
        <v>0</v>
      </c>
      <c r="U63">
        <v>8</v>
      </c>
      <c r="V63">
        <v>0</v>
      </c>
      <c r="W63">
        <v>0</v>
      </c>
      <c r="X63">
        <v>0</v>
      </c>
      <c r="Y63">
        <v>0</v>
      </c>
      <c r="Z63">
        <v>0</v>
      </c>
      <c r="AA63">
        <v>0</v>
      </c>
      <c r="AB63">
        <v>2</v>
      </c>
      <c r="AC63">
        <v>0</v>
      </c>
      <c r="AD63">
        <v>0</v>
      </c>
      <c r="AE63">
        <v>0</v>
      </c>
      <c r="AF63">
        <v>0</v>
      </c>
      <c r="AG63">
        <v>0</v>
      </c>
      <c r="AH63">
        <v>0</v>
      </c>
      <c r="AI63">
        <v>2</v>
      </c>
      <c r="AJ63">
        <v>0</v>
      </c>
      <c r="AK63">
        <v>0</v>
      </c>
      <c r="AL63">
        <v>0</v>
      </c>
      <c r="AM63">
        <v>0</v>
      </c>
      <c r="AN63">
        <v>0</v>
      </c>
      <c r="AO63">
        <v>0</v>
      </c>
      <c r="AP63">
        <v>4</v>
      </c>
      <c r="AQ63">
        <v>0</v>
      </c>
      <c r="AR63">
        <v>0</v>
      </c>
      <c r="AS63">
        <v>0</v>
      </c>
      <c r="AT63">
        <v>0</v>
      </c>
      <c r="AU63">
        <v>0</v>
      </c>
      <c r="AV63">
        <v>7</v>
      </c>
      <c r="AW63">
        <v>0</v>
      </c>
      <c r="AX63">
        <v>0</v>
      </c>
    </row>
    <row r="64" spans="1:50" ht="17.5">
      <c r="A64">
        <v>25</v>
      </c>
      <c r="B64" t="s">
        <v>165</v>
      </c>
      <c r="C64" t="s">
        <v>197</v>
      </c>
      <c r="D64" s="5" t="s">
        <v>198</v>
      </c>
      <c r="E64" s="6">
        <v>5</v>
      </c>
      <c r="F64">
        <v>42</v>
      </c>
      <c r="G64" s="1">
        <v>6.7200000000000006</v>
      </c>
      <c r="H64">
        <v>0</v>
      </c>
      <c r="I64">
        <v>0</v>
      </c>
      <c r="J64">
        <v>0</v>
      </c>
      <c r="K64">
        <v>0</v>
      </c>
      <c r="L64">
        <v>0</v>
      </c>
      <c r="M64">
        <v>0</v>
      </c>
      <c r="N64">
        <v>0</v>
      </c>
      <c r="O64">
        <v>0</v>
      </c>
      <c r="P64">
        <v>0</v>
      </c>
      <c r="Q64">
        <v>0</v>
      </c>
      <c r="R64">
        <v>0</v>
      </c>
      <c r="S64">
        <v>0</v>
      </c>
      <c r="T64">
        <v>0</v>
      </c>
      <c r="U64">
        <v>0</v>
      </c>
      <c r="V64">
        <v>0</v>
      </c>
      <c r="W64">
        <v>0</v>
      </c>
      <c r="X64">
        <v>0</v>
      </c>
      <c r="Y64">
        <v>0</v>
      </c>
      <c r="Z64">
        <v>0</v>
      </c>
      <c r="AA64">
        <v>0</v>
      </c>
      <c r="AB64">
        <v>0</v>
      </c>
      <c r="AC64">
        <v>0</v>
      </c>
      <c r="AD64">
        <v>0</v>
      </c>
      <c r="AE64">
        <v>0</v>
      </c>
      <c r="AF64">
        <v>0</v>
      </c>
      <c r="AG64">
        <v>0</v>
      </c>
      <c r="AH64">
        <v>0</v>
      </c>
      <c r="AI64">
        <v>0</v>
      </c>
      <c r="AJ64">
        <v>0</v>
      </c>
      <c r="AK64">
        <v>0</v>
      </c>
      <c r="AL64">
        <v>0</v>
      </c>
      <c r="AM64">
        <v>0</v>
      </c>
      <c r="AN64">
        <v>0</v>
      </c>
      <c r="AO64">
        <v>0</v>
      </c>
      <c r="AP64">
        <v>0</v>
      </c>
      <c r="AQ64">
        <v>0</v>
      </c>
      <c r="AR64">
        <v>0</v>
      </c>
      <c r="AS64">
        <v>0</v>
      </c>
      <c r="AT64">
        <v>2</v>
      </c>
      <c r="AU64">
        <v>0</v>
      </c>
      <c r="AV64">
        <v>0</v>
      </c>
      <c r="AW64">
        <v>2</v>
      </c>
      <c r="AX64">
        <v>0</v>
      </c>
    </row>
    <row r="65" spans="1:50" ht="17.5">
      <c r="A65">
        <v>26</v>
      </c>
      <c r="B65" t="s">
        <v>165</v>
      </c>
      <c r="C65" t="s">
        <v>199</v>
      </c>
      <c r="D65" s="5" t="s">
        <v>200</v>
      </c>
      <c r="E65" s="6">
        <v>10</v>
      </c>
      <c r="F65">
        <v>43</v>
      </c>
      <c r="G65" s="1">
        <v>3.44</v>
      </c>
      <c r="H65">
        <v>0</v>
      </c>
      <c r="I65">
        <v>0</v>
      </c>
      <c r="J65">
        <v>0</v>
      </c>
      <c r="K65">
        <v>3</v>
      </c>
      <c r="L65">
        <v>0</v>
      </c>
      <c r="M65">
        <v>0</v>
      </c>
      <c r="N65">
        <v>0</v>
      </c>
      <c r="O65">
        <v>0</v>
      </c>
      <c r="P65">
        <v>0</v>
      </c>
      <c r="Q65">
        <v>0</v>
      </c>
      <c r="R65">
        <v>0</v>
      </c>
      <c r="S65">
        <v>0</v>
      </c>
      <c r="T65">
        <v>0</v>
      </c>
      <c r="U65">
        <v>0</v>
      </c>
      <c r="V65">
        <v>0</v>
      </c>
      <c r="W65">
        <v>0</v>
      </c>
      <c r="X65">
        <v>0</v>
      </c>
      <c r="Y65">
        <v>0</v>
      </c>
      <c r="Z65">
        <v>0</v>
      </c>
      <c r="AA65">
        <v>0</v>
      </c>
      <c r="AB65">
        <v>0</v>
      </c>
      <c r="AC65">
        <v>0</v>
      </c>
      <c r="AD65">
        <v>0</v>
      </c>
      <c r="AE65">
        <v>0</v>
      </c>
      <c r="AF65">
        <v>0</v>
      </c>
      <c r="AG65">
        <v>0</v>
      </c>
      <c r="AH65">
        <v>0</v>
      </c>
      <c r="AI65">
        <v>0</v>
      </c>
      <c r="AJ65">
        <v>0</v>
      </c>
      <c r="AK65" t="s">
        <v>119</v>
      </c>
      <c r="AL65">
        <v>0</v>
      </c>
      <c r="AM65">
        <v>0</v>
      </c>
      <c r="AN65">
        <v>0</v>
      </c>
      <c r="AO65">
        <v>0</v>
      </c>
      <c r="AP65">
        <v>0</v>
      </c>
      <c r="AQ65">
        <v>0</v>
      </c>
      <c r="AR65">
        <v>0</v>
      </c>
      <c r="AS65">
        <v>0</v>
      </c>
      <c r="AT65">
        <v>3</v>
      </c>
      <c r="AU65">
        <v>2</v>
      </c>
      <c r="AV65">
        <v>0</v>
      </c>
      <c r="AW65">
        <v>2</v>
      </c>
      <c r="AX65">
        <v>0</v>
      </c>
    </row>
    <row r="66" spans="1:50" ht="17.5">
      <c r="D66" s="5"/>
      <c r="E66" s="6"/>
      <c r="G66" s="1"/>
    </row>
    <row r="67" spans="1:50">
      <c r="B67" t="s">
        <v>201</v>
      </c>
      <c r="E67" s="1"/>
      <c r="G67" s="1"/>
    </row>
    <row r="68" spans="1:50">
      <c r="G68" s="1" t="s">
        <v>202</v>
      </c>
      <c r="H68">
        <v>17</v>
      </c>
      <c r="I68">
        <v>11</v>
      </c>
      <c r="J68">
        <v>14</v>
      </c>
      <c r="K68">
        <v>17</v>
      </c>
      <c r="L68">
        <v>15</v>
      </c>
      <c r="M68">
        <v>16</v>
      </c>
      <c r="N68">
        <v>13</v>
      </c>
      <c r="O68">
        <v>13</v>
      </c>
      <c r="P68">
        <v>9</v>
      </c>
      <c r="Q68">
        <v>17</v>
      </c>
      <c r="R68">
        <v>9</v>
      </c>
      <c r="S68">
        <v>16</v>
      </c>
      <c r="T68">
        <v>15</v>
      </c>
      <c r="U68">
        <v>17</v>
      </c>
      <c r="V68">
        <v>13</v>
      </c>
      <c r="W68">
        <v>14</v>
      </c>
      <c r="X68">
        <v>9</v>
      </c>
      <c r="Y68">
        <v>11</v>
      </c>
      <c r="Z68">
        <v>11</v>
      </c>
      <c r="AA68">
        <v>14</v>
      </c>
      <c r="AB68">
        <v>14</v>
      </c>
      <c r="AC68">
        <v>11</v>
      </c>
      <c r="AD68">
        <v>19</v>
      </c>
      <c r="AE68">
        <v>7</v>
      </c>
      <c r="AF68">
        <v>13</v>
      </c>
      <c r="AG68">
        <v>14</v>
      </c>
      <c r="AH68">
        <v>14</v>
      </c>
      <c r="AI68">
        <v>13</v>
      </c>
      <c r="AJ68">
        <v>9</v>
      </c>
      <c r="AK68">
        <v>23</v>
      </c>
      <c r="AL68">
        <v>11</v>
      </c>
      <c r="AM68">
        <v>27</v>
      </c>
      <c r="AN68">
        <v>13</v>
      </c>
      <c r="AO68">
        <v>16</v>
      </c>
      <c r="AP68">
        <v>13</v>
      </c>
      <c r="AQ68">
        <v>11</v>
      </c>
      <c r="AR68">
        <v>17</v>
      </c>
      <c r="AS68">
        <v>9</v>
      </c>
      <c r="AT68">
        <v>20</v>
      </c>
      <c r="AU68">
        <v>15</v>
      </c>
      <c r="AV68">
        <v>22</v>
      </c>
      <c r="AW68">
        <v>21</v>
      </c>
      <c r="AX68">
        <v>14</v>
      </c>
    </row>
    <row r="69" spans="1:50">
      <c r="G69" s="1" t="s">
        <v>203</v>
      </c>
      <c r="H69" s="3">
        <v>47</v>
      </c>
      <c r="I69" s="3">
        <v>34</v>
      </c>
      <c r="J69" s="3">
        <v>32</v>
      </c>
      <c r="K69" s="3">
        <v>54</v>
      </c>
      <c r="L69" s="3">
        <v>42</v>
      </c>
      <c r="M69" s="3">
        <v>47</v>
      </c>
      <c r="N69" s="3">
        <v>16</v>
      </c>
      <c r="O69" s="3">
        <v>28</v>
      </c>
      <c r="P69" s="3">
        <v>23</v>
      </c>
      <c r="Q69" s="3">
        <v>44</v>
      </c>
      <c r="R69" s="3">
        <v>27</v>
      </c>
      <c r="S69" s="3">
        <v>46</v>
      </c>
      <c r="T69" s="3">
        <v>20</v>
      </c>
      <c r="U69" s="3">
        <v>52</v>
      </c>
      <c r="V69" s="3">
        <v>27</v>
      </c>
      <c r="W69" s="3">
        <v>29</v>
      </c>
      <c r="X69" s="3">
        <v>25</v>
      </c>
      <c r="Y69" s="3">
        <v>17</v>
      </c>
      <c r="Z69" s="3">
        <v>36</v>
      </c>
      <c r="AA69" s="3">
        <v>34</v>
      </c>
      <c r="AB69" s="3">
        <v>45</v>
      </c>
      <c r="AC69" s="3">
        <v>31</v>
      </c>
      <c r="AD69" s="3">
        <v>5</v>
      </c>
      <c r="AE69" s="3">
        <v>7</v>
      </c>
      <c r="AF69" s="3">
        <v>21</v>
      </c>
      <c r="AG69" s="3">
        <v>8</v>
      </c>
      <c r="AH69" s="3">
        <v>17</v>
      </c>
      <c r="AI69" s="3">
        <v>38</v>
      </c>
      <c r="AJ69" s="3">
        <v>32</v>
      </c>
      <c r="AK69" s="3">
        <v>5</v>
      </c>
      <c r="AL69" s="3">
        <v>19</v>
      </c>
      <c r="AM69" s="3">
        <v>4</v>
      </c>
      <c r="AN69" s="3">
        <v>43</v>
      </c>
      <c r="AO69" s="3">
        <v>24</v>
      </c>
      <c r="AP69" s="3">
        <v>36</v>
      </c>
      <c r="AQ69" s="3">
        <v>29</v>
      </c>
      <c r="AR69" s="3">
        <v>9</v>
      </c>
      <c r="AS69" s="3">
        <v>17</v>
      </c>
      <c r="AT69" s="3">
        <v>54</v>
      </c>
      <c r="AU69" s="3">
        <v>49</v>
      </c>
      <c r="AV69" s="3">
        <v>9</v>
      </c>
      <c r="AW69" s="3">
        <v>57</v>
      </c>
      <c r="AX69" s="3">
        <v>29</v>
      </c>
    </row>
    <row r="70" spans="1:50">
      <c r="G70" s="1" t="s">
        <v>204</v>
      </c>
      <c r="H70">
        <v>45</v>
      </c>
      <c r="I70">
        <v>21</v>
      </c>
      <c r="J70">
        <v>32</v>
      </c>
      <c r="K70">
        <v>45</v>
      </c>
      <c r="L70">
        <v>38</v>
      </c>
      <c r="M70">
        <v>43</v>
      </c>
      <c r="N70">
        <v>28</v>
      </c>
      <c r="O70">
        <v>28</v>
      </c>
      <c r="P70">
        <v>15</v>
      </c>
      <c r="Q70">
        <v>45</v>
      </c>
      <c r="R70">
        <v>15</v>
      </c>
      <c r="S70">
        <v>43</v>
      </c>
      <c r="T70">
        <v>38</v>
      </c>
      <c r="U70">
        <v>45</v>
      </c>
      <c r="V70">
        <v>28</v>
      </c>
      <c r="W70">
        <v>32</v>
      </c>
      <c r="X70">
        <v>15</v>
      </c>
      <c r="Y70">
        <v>21</v>
      </c>
      <c r="Z70">
        <v>21</v>
      </c>
      <c r="AA70">
        <v>32</v>
      </c>
      <c r="AB70">
        <v>32</v>
      </c>
      <c r="AC70">
        <v>21</v>
      </c>
      <c r="AD70">
        <v>50</v>
      </c>
      <c r="AE70">
        <v>8</v>
      </c>
      <c r="AF70">
        <v>28</v>
      </c>
      <c r="AG70">
        <v>32</v>
      </c>
      <c r="AH70">
        <v>32</v>
      </c>
      <c r="AI70">
        <v>28</v>
      </c>
      <c r="AJ70">
        <v>15</v>
      </c>
      <c r="AK70">
        <v>54</v>
      </c>
      <c r="AL70">
        <v>21</v>
      </c>
      <c r="AM70">
        <v>58</v>
      </c>
      <c r="AN70">
        <v>28</v>
      </c>
      <c r="AO70">
        <v>43</v>
      </c>
      <c r="AP70">
        <v>28</v>
      </c>
      <c r="AQ70">
        <v>21</v>
      </c>
      <c r="AR70">
        <v>45</v>
      </c>
      <c r="AS70">
        <v>15</v>
      </c>
      <c r="AT70">
        <v>52</v>
      </c>
      <c r="AU70">
        <v>38</v>
      </c>
      <c r="AV70">
        <v>53</v>
      </c>
      <c r="AW70">
        <v>52</v>
      </c>
      <c r="AX70">
        <v>32</v>
      </c>
    </row>
    <row r="71" spans="1:50">
      <c r="G71" s="1" t="s">
        <v>205</v>
      </c>
      <c r="H71">
        <v>1</v>
      </c>
      <c r="I71">
        <v>1</v>
      </c>
      <c r="J71">
        <v>1</v>
      </c>
      <c r="K71">
        <v>1</v>
      </c>
      <c r="L71">
        <v>1</v>
      </c>
      <c r="M71">
        <v>1</v>
      </c>
      <c r="N71">
        <v>1</v>
      </c>
      <c r="O71">
        <v>1</v>
      </c>
      <c r="P71">
        <v>1.22</v>
      </c>
      <c r="Q71">
        <v>1</v>
      </c>
      <c r="R71">
        <v>1.22</v>
      </c>
      <c r="S71">
        <v>1</v>
      </c>
      <c r="T71">
        <v>1</v>
      </c>
      <c r="U71">
        <v>1</v>
      </c>
      <c r="V71">
        <v>1</v>
      </c>
      <c r="W71">
        <v>1</v>
      </c>
      <c r="X71">
        <v>1.22</v>
      </c>
      <c r="Y71">
        <v>1</v>
      </c>
      <c r="Z71">
        <v>1</v>
      </c>
      <c r="AA71">
        <v>1</v>
      </c>
      <c r="AB71">
        <v>1</v>
      </c>
      <c r="AC71">
        <v>1</v>
      </c>
      <c r="AD71">
        <v>1</v>
      </c>
      <c r="AE71">
        <v>1.6333333333333333</v>
      </c>
      <c r="AF71">
        <v>1</v>
      </c>
      <c r="AG71">
        <v>1</v>
      </c>
      <c r="AH71">
        <v>1</v>
      </c>
      <c r="AI71">
        <v>1</v>
      </c>
      <c r="AJ71">
        <v>1.22</v>
      </c>
      <c r="AK71">
        <v>1</v>
      </c>
      <c r="AL71">
        <v>1</v>
      </c>
      <c r="AM71">
        <v>1</v>
      </c>
      <c r="AN71">
        <v>1</v>
      </c>
      <c r="AO71">
        <v>1</v>
      </c>
      <c r="AP71">
        <v>1</v>
      </c>
      <c r="AQ71">
        <v>1</v>
      </c>
      <c r="AR71">
        <v>1</v>
      </c>
      <c r="AS71">
        <v>1.22</v>
      </c>
      <c r="AT71">
        <v>1</v>
      </c>
      <c r="AU71">
        <v>1</v>
      </c>
      <c r="AV71">
        <v>1</v>
      </c>
      <c r="AW71">
        <v>1</v>
      </c>
      <c r="AX71">
        <v>1</v>
      </c>
    </row>
    <row r="72" spans="1:50">
      <c r="G72" s="1" t="s">
        <v>206</v>
      </c>
      <c r="H72" s="7">
        <v>486.28333333333336</v>
      </c>
      <c r="I72" s="7">
        <v>591.56038095238102</v>
      </c>
      <c r="J72" s="7">
        <v>570.93866666666679</v>
      </c>
      <c r="K72" s="7">
        <v>653.44523809523821</v>
      </c>
      <c r="L72" s="7">
        <v>673.79834054834055</v>
      </c>
      <c r="M72" s="7">
        <v>616.36031746031756</v>
      </c>
      <c r="N72" s="7">
        <v>344.59999999999997</v>
      </c>
      <c r="O72" s="7">
        <v>547.31619047619051</v>
      </c>
      <c r="P72" s="7">
        <v>708.25763809523801</v>
      </c>
      <c r="Q72" s="7">
        <v>492.61666666666667</v>
      </c>
      <c r="R72" s="7">
        <v>806.31775238095258</v>
      </c>
      <c r="S72" s="7">
        <v>720.01411255411256</v>
      </c>
      <c r="T72" s="7">
        <v>297.5866666666667</v>
      </c>
      <c r="U72" s="7">
        <v>633.52056277056283</v>
      </c>
      <c r="V72" s="7">
        <v>479.79999999999995</v>
      </c>
      <c r="W72" s="7">
        <v>442.20000000000005</v>
      </c>
      <c r="X72" s="7">
        <v>605.68096761904769</v>
      </c>
      <c r="Y72" s="7">
        <v>378.07809523809522</v>
      </c>
      <c r="Z72" s="7">
        <v>708.24761904761897</v>
      </c>
      <c r="AA72" s="7">
        <v>621.5866666666667</v>
      </c>
      <c r="AB72" s="7">
        <v>708.00506493506498</v>
      </c>
      <c r="AC72" s="7">
        <v>643.20000000000005</v>
      </c>
      <c r="AD72" s="7">
        <v>222.6</v>
      </c>
      <c r="AE72" s="7">
        <v>298.18133333333333</v>
      </c>
      <c r="AF72" s="7">
        <v>502.21460317460316</v>
      </c>
      <c r="AG72" s="7">
        <v>290.3257142857143</v>
      </c>
      <c r="AH72" s="7">
        <v>268.97333333333336</v>
      </c>
      <c r="AI72" s="7">
        <v>919.56317460317462</v>
      </c>
      <c r="AJ72" s="7">
        <v>824.75253333333342</v>
      </c>
      <c r="AK72" s="7">
        <v>198</v>
      </c>
      <c r="AL72" s="7">
        <v>298.048</v>
      </c>
      <c r="AM72" s="7">
        <v>4.7</v>
      </c>
      <c r="AN72" s="7">
        <v>585.86133333333328</v>
      </c>
      <c r="AO72" s="7">
        <v>528.15000000000009</v>
      </c>
      <c r="AP72" s="7">
        <v>921.08952380952383</v>
      </c>
      <c r="AQ72" s="7">
        <v>674.83428571428567</v>
      </c>
      <c r="AR72" s="7">
        <v>334.4</v>
      </c>
      <c r="AS72" s="7">
        <v>626.59199999999998</v>
      </c>
      <c r="AT72" s="7">
        <v>541.46466666666663</v>
      </c>
      <c r="AU72" s="7">
        <v>801.71742857142851</v>
      </c>
      <c r="AV72" s="7">
        <v>176.23454545454544</v>
      </c>
      <c r="AW72" s="7">
        <v>507.06200000000001</v>
      </c>
      <c r="AX72" s="7">
        <v>655.48333333333335</v>
      </c>
    </row>
    <row r="73" spans="1:50">
      <c r="G73" s="1" t="s">
        <v>207</v>
      </c>
      <c r="H73" s="8">
        <v>486.28333333333336</v>
      </c>
      <c r="I73" s="8">
        <v>591.56038095238102</v>
      </c>
      <c r="J73" s="8">
        <v>570.93866666666679</v>
      </c>
      <c r="K73" s="8">
        <v>653.44523809523821</v>
      </c>
      <c r="L73" s="8">
        <v>673.79834054834055</v>
      </c>
      <c r="M73" s="8">
        <v>616.36031746031756</v>
      </c>
      <c r="N73" s="8">
        <v>344.59999999999997</v>
      </c>
      <c r="O73" s="8">
        <v>547.31619047619051</v>
      </c>
      <c r="P73" s="8">
        <v>580.53904761904755</v>
      </c>
      <c r="Q73" s="8">
        <v>492.61666666666667</v>
      </c>
      <c r="R73" s="8">
        <v>660.91619047619065</v>
      </c>
      <c r="S73" s="8">
        <v>720.01411255411256</v>
      </c>
      <c r="T73" s="8">
        <v>297.5866666666667</v>
      </c>
      <c r="U73" s="8">
        <v>633.52056277056283</v>
      </c>
      <c r="V73" s="8">
        <v>479.79999999999995</v>
      </c>
      <c r="W73" s="8">
        <v>442.20000000000005</v>
      </c>
      <c r="X73" s="8">
        <v>496.45980952380961</v>
      </c>
      <c r="Y73" s="8">
        <v>378.07809523809522</v>
      </c>
      <c r="Z73" s="8">
        <v>708.24761904761897</v>
      </c>
      <c r="AA73" s="8">
        <v>621.5866666666667</v>
      </c>
      <c r="AB73" s="8">
        <v>708.00506493506498</v>
      </c>
      <c r="AC73" s="8">
        <v>643.20000000000005</v>
      </c>
      <c r="AD73" s="8">
        <v>222.6</v>
      </c>
      <c r="AE73" s="8">
        <v>182.56</v>
      </c>
      <c r="AF73" s="8">
        <v>502.21460317460316</v>
      </c>
      <c r="AG73" s="8">
        <v>290.3257142857143</v>
      </c>
      <c r="AH73" s="8">
        <v>268.97333333333336</v>
      </c>
      <c r="AI73" s="8">
        <v>919.56317460317462</v>
      </c>
      <c r="AJ73" s="8">
        <v>676.02666666666676</v>
      </c>
      <c r="AK73" s="8">
        <v>198</v>
      </c>
      <c r="AL73" s="8">
        <v>298.048</v>
      </c>
      <c r="AM73" s="8">
        <v>4.7</v>
      </c>
      <c r="AN73" s="8">
        <v>585.86133333333328</v>
      </c>
      <c r="AO73" s="8">
        <v>528.15000000000009</v>
      </c>
      <c r="AP73" s="8">
        <v>921.08952380952383</v>
      </c>
      <c r="AQ73" s="8">
        <v>674.83428571428567</v>
      </c>
      <c r="AR73" s="8">
        <v>334.4</v>
      </c>
      <c r="AS73" s="8">
        <v>513.6</v>
      </c>
      <c r="AT73" s="8">
        <v>541.46466666666663</v>
      </c>
      <c r="AU73" s="8">
        <v>801.71742857142851</v>
      </c>
      <c r="AV73" s="8">
        <v>176.23454545454544</v>
      </c>
      <c r="AW73" s="8">
        <v>507.06200000000001</v>
      </c>
      <c r="AX73" s="8">
        <v>655.48333333333335</v>
      </c>
    </row>
    <row r="74" spans="1:50">
      <c r="B74" t="s">
        <v>110</v>
      </c>
      <c r="C74" t="s">
        <v>111</v>
      </c>
      <c r="D74" t="s">
        <v>208</v>
      </c>
      <c r="E74" t="s">
        <v>209</v>
      </c>
      <c r="F74" t="s">
        <v>210</v>
      </c>
      <c r="G74" s="1" t="s">
        <v>211</v>
      </c>
      <c r="H74" s="8">
        <v>819.64600000000007</v>
      </c>
      <c r="I74" s="8">
        <v>731.19638095238099</v>
      </c>
      <c r="J74" s="8">
        <v>661.18419047619057</v>
      </c>
      <c r="K74" s="8">
        <v>990.93095238095248</v>
      </c>
      <c r="L74" s="8">
        <v>804.71034054834058</v>
      </c>
      <c r="M74" s="8">
        <v>837.45574603174578</v>
      </c>
      <c r="N74" s="8">
        <v>344.59999999999997</v>
      </c>
      <c r="O74" s="8">
        <v>624.91619047619054</v>
      </c>
      <c r="P74" s="8">
        <v>603.41904761904755</v>
      </c>
      <c r="Q74" s="8">
        <v>690.6166666666669</v>
      </c>
      <c r="R74" s="8">
        <v>737.10019047619051</v>
      </c>
      <c r="S74" s="8">
        <v>1091.8141125541122</v>
      </c>
      <c r="T74" s="8">
        <v>333.12952380952379</v>
      </c>
      <c r="U74" s="8">
        <v>973.04056277056304</v>
      </c>
      <c r="V74" s="8">
        <v>589.99999999999989</v>
      </c>
      <c r="W74" s="8">
        <v>593.64285714285722</v>
      </c>
      <c r="X74" s="8">
        <v>566.73523809523806</v>
      </c>
      <c r="Y74" s="8">
        <v>378.07809523809533</v>
      </c>
      <c r="Z74" s="8">
        <v>997.20761904761889</v>
      </c>
      <c r="AA74" s="8">
        <v>770.86266666666688</v>
      </c>
      <c r="AB74" s="8">
        <v>904.85839826839833</v>
      </c>
      <c r="AC74" s="8">
        <v>858.4</v>
      </c>
      <c r="AD74" s="8">
        <v>222.6</v>
      </c>
      <c r="AE74" s="8">
        <v>182.56</v>
      </c>
      <c r="AF74" s="8">
        <v>577.54260317460319</v>
      </c>
      <c r="AG74" s="8">
        <v>290.3257142857143</v>
      </c>
      <c r="AH74" s="8">
        <v>268.97333333333336</v>
      </c>
      <c r="AI74" s="8">
        <v>975.93650793650806</v>
      </c>
      <c r="AJ74" s="8">
        <v>900.16990476190472</v>
      </c>
      <c r="AK74" s="8">
        <v>198</v>
      </c>
      <c r="AL74" s="8">
        <v>324.56228571428568</v>
      </c>
      <c r="AM74" s="8">
        <v>4.7</v>
      </c>
      <c r="AN74" s="8">
        <v>877.54266666666672</v>
      </c>
      <c r="AO74" s="8">
        <v>528.15000000000009</v>
      </c>
      <c r="AP74" s="8">
        <v>946.04952380952386</v>
      </c>
      <c r="AQ74" s="8">
        <v>736.63873015873014</v>
      </c>
      <c r="AR74" s="8">
        <v>334.40000000000003</v>
      </c>
      <c r="AS74" s="8">
        <v>513.6</v>
      </c>
      <c r="AT74" s="8">
        <v>739.37180952380959</v>
      </c>
      <c r="AU74" s="8">
        <v>1142.6317142857147</v>
      </c>
      <c r="AV74" s="8">
        <v>189.03454545454548</v>
      </c>
      <c r="AW74" s="8">
        <v>717.4620000000001</v>
      </c>
      <c r="AX74" s="8">
        <v>759.99400000000003</v>
      </c>
    </row>
    <row r="75" spans="1:50">
      <c r="A75">
        <v>4</v>
      </c>
      <c r="B75" t="s">
        <v>116</v>
      </c>
      <c r="C75" t="s">
        <v>117</v>
      </c>
      <c r="D75" t="s">
        <v>118</v>
      </c>
      <c r="E75">
        <v>5</v>
      </c>
      <c r="F75">
        <v>21</v>
      </c>
      <c r="G75" s="1">
        <v>3.3600000000000003</v>
      </c>
      <c r="H75" s="4">
        <v>1.05</v>
      </c>
      <c r="I75" s="4">
        <v>8.4</v>
      </c>
      <c r="J75" s="4">
        <v>2.0999999999999996</v>
      </c>
      <c r="K75" s="4">
        <v>1.05</v>
      </c>
      <c r="L75" s="4">
        <v>1.05</v>
      </c>
      <c r="M75" s="4">
        <v>1.05</v>
      </c>
      <c r="N75" s="4">
        <v>4.1999999999999993</v>
      </c>
      <c r="O75" s="4">
        <v>0</v>
      </c>
      <c r="P75" s="4">
        <v>12.6</v>
      </c>
      <c r="Q75" s="4">
        <v>1.05</v>
      </c>
      <c r="R75" s="4">
        <v>12.6</v>
      </c>
      <c r="S75" s="4">
        <v>0</v>
      </c>
      <c r="T75" s="4">
        <v>0</v>
      </c>
      <c r="U75" s="4">
        <v>1.05</v>
      </c>
      <c r="V75" s="4">
        <v>0</v>
      </c>
      <c r="W75" s="4">
        <v>0</v>
      </c>
      <c r="X75" s="4">
        <v>12.6</v>
      </c>
      <c r="Y75" s="4">
        <v>0</v>
      </c>
      <c r="Z75" s="4">
        <v>8.4</v>
      </c>
      <c r="AA75" s="4">
        <v>2.0999999999999996</v>
      </c>
      <c r="AB75" s="4">
        <v>2.0999999999999996</v>
      </c>
      <c r="AC75" s="4">
        <v>8.4</v>
      </c>
      <c r="AD75" s="4">
        <v>0</v>
      </c>
      <c r="AE75" s="4">
        <v>0</v>
      </c>
      <c r="AF75" s="4">
        <v>0</v>
      </c>
      <c r="AG75" s="4">
        <v>0</v>
      </c>
      <c r="AH75" s="4">
        <v>0</v>
      </c>
      <c r="AI75" s="4">
        <v>4.1999999999999993</v>
      </c>
      <c r="AJ75" s="4">
        <v>12.6</v>
      </c>
      <c r="AK75" s="4">
        <v>0</v>
      </c>
      <c r="AL75" s="4">
        <v>8.4</v>
      </c>
      <c r="AM75" s="4">
        <v>0</v>
      </c>
      <c r="AN75" s="4">
        <v>4.1999999999999993</v>
      </c>
      <c r="AO75" s="4">
        <v>1.05</v>
      </c>
      <c r="AP75" s="4">
        <v>4.1999999999999993</v>
      </c>
      <c r="AQ75" s="4">
        <v>8.4</v>
      </c>
      <c r="AR75" s="4">
        <v>0</v>
      </c>
      <c r="AS75" s="4">
        <v>0</v>
      </c>
      <c r="AT75" s="4">
        <v>1.05</v>
      </c>
      <c r="AU75" s="4">
        <v>1.05</v>
      </c>
      <c r="AV75" s="4">
        <v>0</v>
      </c>
      <c r="AW75" s="4">
        <v>1.05</v>
      </c>
      <c r="AX75" s="4">
        <v>0</v>
      </c>
    </row>
    <row r="76" spans="1:50">
      <c r="A76">
        <v>5</v>
      </c>
      <c r="B76" t="s">
        <v>120</v>
      </c>
      <c r="C76" t="s">
        <v>121</v>
      </c>
      <c r="D76" t="s">
        <v>122</v>
      </c>
      <c r="E76">
        <v>8</v>
      </c>
      <c r="F76">
        <v>22</v>
      </c>
      <c r="G76" s="1">
        <v>2.2000000000000002</v>
      </c>
      <c r="H76" s="4">
        <v>1.1000000000000001</v>
      </c>
      <c r="I76" s="4">
        <v>11</v>
      </c>
      <c r="J76" s="4">
        <v>4.3999999999999986</v>
      </c>
      <c r="K76" s="4">
        <v>1.1000000000000001</v>
      </c>
      <c r="L76" s="4">
        <v>2.1999999999999993</v>
      </c>
      <c r="M76" s="4">
        <v>1.1000000000000001</v>
      </c>
      <c r="N76" s="4">
        <v>6.6000000000000014</v>
      </c>
      <c r="O76" s="4">
        <v>0</v>
      </c>
      <c r="P76" s="4">
        <v>15.399999999999999</v>
      </c>
      <c r="Q76" s="4">
        <v>1.1000000000000001</v>
      </c>
      <c r="R76" s="4">
        <v>15.399999999999999</v>
      </c>
      <c r="S76" s="4">
        <v>1.1000000000000001</v>
      </c>
      <c r="T76" s="4">
        <v>0</v>
      </c>
      <c r="U76" s="4">
        <v>1.1000000000000001</v>
      </c>
      <c r="V76" s="4">
        <v>0</v>
      </c>
      <c r="W76" s="4">
        <v>0</v>
      </c>
      <c r="X76" s="4">
        <v>15.399999999999999</v>
      </c>
      <c r="Y76" s="4">
        <v>0</v>
      </c>
      <c r="Z76" s="4">
        <v>11</v>
      </c>
      <c r="AA76" s="4">
        <v>0</v>
      </c>
      <c r="AB76" s="4">
        <v>4.3999999999999986</v>
      </c>
      <c r="AC76" s="4">
        <v>11</v>
      </c>
      <c r="AD76" s="4">
        <v>0</v>
      </c>
      <c r="AE76" s="4">
        <v>19.8</v>
      </c>
      <c r="AF76" s="4">
        <v>0</v>
      </c>
      <c r="AG76" s="4">
        <v>0</v>
      </c>
      <c r="AH76" s="4">
        <v>0</v>
      </c>
      <c r="AI76" s="4">
        <v>6.6000000000000014</v>
      </c>
      <c r="AJ76" s="4">
        <v>15.399999999999999</v>
      </c>
      <c r="AK76" s="4">
        <v>0</v>
      </c>
      <c r="AL76" s="4">
        <v>11</v>
      </c>
      <c r="AM76" s="4">
        <v>1.1000000000000001</v>
      </c>
      <c r="AN76" s="4">
        <v>6.6000000000000014</v>
      </c>
      <c r="AO76" s="4">
        <v>1.1000000000000001</v>
      </c>
      <c r="AP76" s="4">
        <v>6.6000000000000014</v>
      </c>
      <c r="AQ76" s="4">
        <v>11</v>
      </c>
      <c r="AR76" s="4">
        <v>0</v>
      </c>
      <c r="AS76" s="4">
        <v>0</v>
      </c>
      <c r="AT76" s="4">
        <v>1.1000000000000001</v>
      </c>
      <c r="AU76" s="4">
        <v>2.1999999999999993</v>
      </c>
      <c r="AV76" s="4">
        <v>0</v>
      </c>
      <c r="AW76" s="4">
        <v>1.1000000000000001</v>
      </c>
      <c r="AX76" s="4">
        <v>0</v>
      </c>
    </row>
    <row r="77" spans="1:50">
      <c r="A77">
        <v>5</v>
      </c>
      <c r="B77" t="s">
        <v>123</v>
      </c>
      <c r="C77" t="s">
        <v>124</v>
      </c>
      <c r="D77" t="s">
        <v>122</v>
      </c>
      <c r="E77">
        <v>5</v>
      </c>
      <c r="F77">
        <v>22</v>
      </c>
      <c r="G77" s="1">
        <v>3.5200000000000005</v>
      </c>
      <c r="H77" s="4">
        <v>1.1000000000000001</v>
      </c>
      <c r="I77" s="4">
        <v>11</v>
      </c>
      <c r="J77" s="4">
        <v>4.3999999999999986</v>
      </c>
      <c r="K77" s="4">
        <v>1.1000000000000001</v>
      </c>
      <c r="L77" s="4">
        <v>2.1999999999999993</v>
      </c>
      <c r="M77" s="4">
        <v>1.1000000000000001</v>
      </c>
      <c r="N77" s="4">
        <v>0</v>
      </c>
      <c r="O77" s="4">
        <v>6.6000000000000014</v>
      </c>
      <c r="P77" s="4">
        <v>15.399999999999999</v>
      </c>
      <c r="Q77" s="4">
        <v>1.1000000000000001</v>
      </c>
      <c r="R77" s="4">
        <v>15.399999999999999</v>
      </c>
      <c r="S77" s="4">
        <v>1.1000000000000001</v>
      </c>
      <c r="T77" s="4">
        <v>0</v>
      </c>
      <c r="U77" s="4">
        <v>1.1000000000000001</v>
      </c>
      <c r="V77" s="4">
        <v>6.6000000000000014</v>
      </c>
      <c r="W77" s="4">
        <v>4.3999999999999986</v>
      </c>
      <c r="X77" s="4">
        <v>15.399999999999999</v>
      </c>
      <c r="Y77" s="4">
        <v>0</v>
      </c>
      <c r="Z77" s="4">
        <v>11</v>
      </c>
      <c r="AA77" s="4">
        <v>4.3999999999999986</v>
      </c>
      <c r="AB77" s="4">
        <v>4.3999999999999986</v>
      </c>
      <c r="AC77" s="4">
        <v>11</v>
      </c>
      <c r="AD77" s="4">
        <v>0</v>
      </c>
      <c r="AE77" s="4">
        <v>19.8</v>
      </c>
      <c r="AF77" s="4">
        <v>0</v>
      </c>
      <c r="AG77" s="4">
        <v>0</v>
      </c>
      <c r="AH77" s="4">
        <v>4.3999999999999986</v>
      </c>
      <c r="AI77" s="4">
        <v>6.6000000000000014</v>
      </c>
      <c r="AJ77" s="4">
        <v>15.399999999999999</v>
      </c>
      <c r="AK77" s="4">
        <v>0</v>
      </c>
      <c r="AL77" s="4">
        <v>11</v>
      </c>
      <c r="AM77" s="4">
        <v>1.1000000000000001</v>
      </c>
      <c r="AN77" s="4">
        <v>6.6000000000000014</v>
      </c>
      <c r="AO77" s="4">
        <v>1.1000000000000001</v>
      </c>
      <c r="AP77" s="4">
        <v>6.6000000000000014</v>
      </c>
      <c r="AQ77" s="4">
        <v>11</v>
      </c>
      <c r="AR77" s="4">
        <v>0</v>
      </c>
      <c r="AS77" s="4">
        <v>15.399999999999999</v>
      </c>
      <c r="AT77" s="4">
        <v>1.1000000000000001</v>
      </c>
      <c r="AU77" s="4">
        <v>2.1999999999999993</v>
      </c>
      <c r="AV77" s="4">
        <v>0</v>
      </c>
      <c r="AW77" s="4">
        <v>1.1000000000000001</v>
      </c>
      <c r="AX77" s="4">
        <v>0</v>
      </c>
    </row>
    <row r="78" spans="1:50">
      <c r="A78">
        <v>6</v>
      </c>
      <c r="B78" t="s">
        <v>125</v>
      </c>
      <c r="C78" t="s">
        <v>126</v>
      </c>
      <c r="D78" t="s">
        <v>127</v>
      </c>
      <c r="E78">
        <v>7</v>
      </c>
      <c r="F78">
        <v>23</v>
      </c>
      <c r="G78" s="1">
        <v>2.628571428571429</v>
      </c>
      <c r="H78" s="4">
        <v>1.1500000000000001</v>
      </c>
      <c r="I78" s="4">
        <v>13.799999999999999</v>
      </c>
      <c r="J78" s="4">
        <v>6.9000000000000012</v>
      </c>
      <c r="K78" s="4">
        <v>1.1500000000000001</v>
      </c>
      <c r="L78" s="4">
        <v>4.5999999999999988</v>
      </c>
      <c r="M78" s="4">
        <v>2.2999999999999994</v>
      </c>
      <c r="N78" s="4">
        <v>9.2000000000000011</v>
      </c>
      <c r="O78" s="4">
        <v>9.2000000000000011</v>
      </c>
      <c r="P78" s="4">
        <v>18.400000000000002</v>
      </c>
      <c r="Q78" s="4">
        <v>1.1500000000000001</v>
      </c>
      <c r="R78" s="4">
        <v>18.400000000000002</v>
      </c>
      <c r="S78" s="4">
        <v>0</v>
      </c>
      <c r="T78" s="4">
        <v>0</v>
      </c>
      <c r="U78" s="4">
        <v>1.1500000000000001</v>
      </c>
      <c r="V78" s="4">
        <v>9.2000000000000011</v>
      </c>
      <c r="W78" s="4">
        <v>6.9000000000000012</v>
      </c>
      <c r="X78" s="4">
        <v>18.400000000000002</v>
      </c>
      <c r="Y78" s="4">
        <v>0</v>
      </c>
      <c r="Z78" s="4">
        <v>13.799999999999999</v>
      </c>
      <c r="AA78" s="4">
        <v>6.9000000000000012</v>
      </c>
      <c r="AB78" s="4">
        <v>6.9000000000000012</v>
      </c>
      <c r="AC78" s="4">
        <v>13.799999999999999</v>
      </c>
      <c r="AD78" s="4">
        <v>0</v>
      </c>
      <c r="AE78" s="4">
        <v>23</v>
      </c>
      <c r="AF78" s="4">
        <v>0</v>
      </c>
      <c r="AG78" s="4">
        <v>0</v>
      </c>
      <c r="AH78" s="4">
        <v>6.9000000000000012</v>
      </c>
      <c r="AI78" s="4">
        <v>9.2000000000000011</v>
      </c>
      <c r="AJ78" s="4">
        <v>18.400000000000002</v>
      </c>
      <c r="AK78" s="4">
        <v>0</v>
      </c>
      <c r="AL78" s="4">
        <v>13.799999999999999</v>
      </c>
      <c r="AM78" s="4">
        <v>0</v>
      </c>
      <c r="AN78" s="4">
        <v>9.2000000000000011</v>
      </c>
      <c r="AO78" s="4">
        <v>2.2999999999999994</v>
      </c>
      <c r="AP78" s="4">
        <v>9.2000000000000011</v>
      </c>
      <c r="AQ78" s="4">
        <v>13.799999999999999</v>
      </c>
      <c r="AR78" s="4">
        <v>0</v>
      </c>
      <c r="AS78" s="4">
        <v>18.400000000000002</v>
      </c>
      <c r="AT78" s="4">
        <v>1.1500000000000001</v>
      </c>
      <c r="AU78" s="4">
        <v>4.5999999999999988</v>
      </c>
      <c r="AV78" s="4">
        <v>0</v>
      </c>
      <c r="AW78" s="4">
        <v>1.1500000000000001</v>
      </c>
      <c r="AX78" s="4">
        <v>0</v>
      </c>
    </row>
    <row r="79" spans="1:50">
      <c r="A79">
        <v>6</v>
      </c>
      <c r="B79" t="s">
        <v>128</v>
      </c>
      <c r="C79" t="s">
        <v>129</v>
      </c>
      <c r="D79" t="s">
        <v>127</v>
      </c>
      <c r="E79">
        <v>4</v>
      </c>
      <c r="F79">
        <v>23</v>
      </c>
      <c r="G79" s="1">
        <v>4.6000000000000005</v>
      </c>
      <c r="H79" s="4">
        <v>1.1500000000000001</v>
      </c>
      <c r="I79" s="4">
        <v>13.799999999999999</v>
      </c>
      <c r="J79" s="4">
        <v>6.9000000000000012</v>
      </c>
      <c r="K79" s="4">
        <v>1.1500000000000001</v>
      </c>
      <c r="L79" s="4">
        <v>4.5999999999999988</v>
      </c>
      <c r="M79" s="4">
        <v>2.2999999999999994</v>
      </c>
      <c r="N79" s="4">
        <v>0</v>
      </c>
      <c r="O79" s="4">
        <v>9.2000000000000011</v>
      </c>
      <c r="P79" s="4">
        <v>18.400000000000002</v>
      </c>
      <c r="Q79" s="4">
        <v>1.1500000000000001</v>
      </c>
      <c r="R79" s="4">
        <v>18.400000000000002</v>
      </c>
      <c r="S79" s="4">
        <v>2.2999999999999994</v>
      </c>
      <c r="T79" s="4">
        <v>4.5999999999999988</v>
      </c>
      <c r="U79" s="4">
        <v>1.1500000000000001</v>
      </c>
      <c r="V79" s="4">
        <v>9.2000000000000011</v>
      </c>
      <c r="W79" s="4">
        <v>6.9000000000000012</v>
      </c>
      <c r="X79" s="4">
        <v>18.400000000000002</v>
      </c>
      <c r="Y79" s="4">
        <v>13.799999999999999</v>
      </c>
      <c r="Z79" s="4">
        <v>13.799999999999999</v>
      </c>
      <c r="AA79" s="4">
        <v>6.9000000000000012</v>
      </c>
      <c r="AB79" s="4">
        <v>6.9000000000000012</v>
      </c>
      <c r="AC79" s="4">
        <v>13.799999999999999</v>
      </c>
      <c r="AD79" s="4">
        <v>0</v>
      </c>
      <c r="AE79" s="4">
        <v>0</v>
      </c>
      <c r="AF79" s="4">
        <v>9.2000000000000011</v>
      </c>
      <c r="AG79" s="4">
        <v>0</v>
      </c>
      <c r="AH79" s="4">
        <v>6.9000000000000012</v>
      </c>
      <c r="AI79" s="4">
        <v>9.2000000000000011</v>
      </c>
      <c r="AJ79" s="4">
        <v>18.400000000000002</v>
      </c>
      <c r="AK79" s="4">
        <v>0</v>
      </c>
      <c r="AL79" s="4">
        <v>13.799999999999999</v>
      </c>
      <c r="AM79" s="4">
        <v>0</v>
      </c>
      <c r="AN79" s="4">
        <v>9.2000000000000011</v>
      </c>
      <c r="AO79" s="4">
        <v>0</v>
      </c>
      <c r="AP79" s="4">
        <v>9.2000000000000011</v>
      </c>
      <c r="AQ79" s="4">
        <v>13.799999999999999</v>
      </c>
      <c r="AR79" s="4">
        <v>0</v>
      </c>
      <c r="AS79" s="4">
        <v>18.400000000000002</v>
      </c>
      <c r="AT79" s="4">
        <v>1.1500000000000001</v>
      </c>
      <c r="AU79" s="4">
        <v>4.5999999999999988</v>
      </c>
      <c r="AV79" s="4">
        <v>0</v>
      </c>
      <c r="AW79" s="4">
        <v>1.1500000000000001</v>
      </c>
      <c r="AX79" s="4">
        <v>6.9000000000000012</v>
      </c>
    </row>
    <row r="80" spans="1:50">
      <c r="A80">
        <v>7</v>
      </c>
      <c r="B80" t="s">
        <v>130</v>
      </c>
      <c r="C80" t="s">
        <v>131</v>
      </c>
      <c r="D80" t="s">
        <v>103</v>
      </c>
      <c r="E80">
        <v>4</v>
      </c>
      <c r="F80">
        <v>24</v>
      </c>
      <c r="G80" s="1">
        <v>4.8000000000000007</v>
      </c>
      <c r="H80" s="4">
        <v>2.3999999999999995</v>
      </c>
      <c r="I80" s="4">
        <v>16.799999999999997</v>
      </c>
      <c r="J80" s="4">
        <v>0</v>
      </c>
      <c r="K80" s="4">
        <v>2.3999999999999995</v>
      </c>
      <c r="L80" s="4">
        <v>7.2000000000000011</v>
      </c>
      <c r="M80" s="4">
        <v>4.7999999999999989</v>
      </c>
      <c r="N80" s="4">
        <v>12</v>
      </c>
      <c r="O80" s="4">
        <v>12</v>
      </c>
      <c r="P80" s="4">
        <v>21.6</v>
      </c>
      <c r="Q80" s="4">
        <v>2.3999999999999995</v>
      </c>
      <c r="R80" s="4">
        <v>21.6</v>
      </c>
      <c r="S80" s="4">
        <v>4.7999999999999989</v>
      </c>
      <c r="T80" s="4">
        <v>0</v>
      </c>
      <c r="U80" s="4">
        <v>2.3999999999999995</v>
      </c>
      <c r="V80" s="4">
        <v>12</v>
      </c>
      <c r="W80" s="4">
        <v>9.6000000000000014</v>
      </c>
      <c r="X80" s="4">
        <v>21.6</v>
      </c>
      <c r="Y80" s="4">
        <v>0</v>
      </c>
      <c r="Z80" s="4">
        <v>16.799999999999997</v>
      </c>
      <c r="AA80" s="4">
        <v>9.6000000000000014</v>
      </c>
      <c r="AB80" s="4">
        <v>9.6000000000000014</v>
      </c>
      <c r="AC80" s="4">
        <v>16.799999999999997</v>
      </c>
      <c r="AD80" s="4">
        <v>0</v>
      </c>
      <c r="AE80" s="4">
        <v>0</v>
      </c>
      <c r="AF80" s="4">
        <v>0</v>
      </c>
      <c r="AG80" s="4">
        <v>0</v>
      </c>
      <c r="AH80" s="4">
        <v>9.6000000000000014</v>
      </c>
      <c r="AI80" s="4">
        <v>12</v>
      </c>
      <c r="AJ80" s="4">
        <v>21.6</v>
      </c>
      <c r="AK80" s="4">
        <v>0</v>
      </c>
      <c r="AL80" s="4">
        <v>16.799999999999997</v>
      </c>
      <c r="AM80" s="4">
        <v>1.2000000000000002</v>
      </c>
      <c r="AN80" s="4">
        <v>12</v>
      </c>
      <c r="AO80" s="4">
        <v>4.7999999999999989</v>
      </c>
      <c r="AP80" s="4">
        <v>12</v>
      </c>
      <c r="AQ80" s="4">
        <v>16.799999999999997</v>
      </c>
      <c r="AR80" s="4">
        <v>0</v>
      </c>
      <c r="AS80" s="4">
        <v>0</v>
      </c>
      <c r="AT80" s="4">
        <v>1.2000000000000002</v>
      </c>
      <c r="AU80" s="4">
        <v>7.2000000000000011</v>
      </c>
      <c r="AV80" s="4">
        <v>0</v>
      </c>
      <c r="AW80" s="4">
        <v>1.2000000000000002</v>
      </c>
      <c r="AX80" s="4">
        <v>9.6000000000000014</v>
      </c>
    </row>
    <row r="81" spans="1:50">
      <c r="A81">
        <v>7</v>
      </c>
      <c r="B81" t="s">
        <v>132</v>
      </c>
      <c r="C81" t="s">
        <v>133</v>
      </c>
      <c r="D81" t="s">
        <v>103</v>
      </c>
      <c r="E81">
        <v>5</v>
      </c>
      <c r="F81">
        <v>24</v>
      </c>
      <c r="G81" s="1">
        <v>3.8400000000000007</v>
      </c>
      <c r="H81" s="4">
        <v>2.3999999999999995</v>
      </c>
      <c r="I81" s="4">
        <v>16.799999999999997</v>
      </c>
      <c r="J81" s="4">
        <v>0</v>
      </c>
      <c r="K81" s="4">
        <v>2.3999999999999995</v>
      </c>
      <c r="L81" s="4">
        <v>7.2000000000000011</v>
      </c>
      <c r="M81" s="4">
        <v>4.7999999999999989</v>
      </c>
      <c r="N81" s="4">
        <v>0</v>
      </c>
      <c r="O81" s="4">
        <v>12</v>
      </c>
      <c r="P81" s="4">
        <v>21.6</v>
      </c>
      <c r="Q81" s="4">
        <v>2.3999999999999995</v>
      </c>
      <c r="R81" s="4">
        <v>21.6</v>
      </c>
      <c r="S81" s="4">
        <v>4.7999999999999989</v>
      </c>
      <c r="T81" s="4">
        <v>0</v>
      </c>
      <c r="U81" s="4">
        <v>2.3999999999999995</v>
      </c>
      <c r="V81" s="4">
        <v>12</v>
      </c>
      <c r="W81" s="4">
        <v>9.6000000000000014</v>
      </c>
      <c r="X81" s="4">
        <v>21.6</v>
      </c>
      <c r="Y81" s="4">
        <v>16.799999999999997</v>
      </c>
      <c r="Z81" s="4">
        <v>16.799999999999997</v>
      </c>
      <c r="AA81" s="4">
        <v>0</v>
      </c>
      <c r="AB81" s="4">
        <v>9.6000000000000014</v>
      </c>
      <c r="AC81" s="4">
        <v>16.799999999999997</v>
      </c>
      <c r="AD81" s="4">
        <v>0</v>
      </c>
      <c r="AE81" s="4">
        <v>0</v>
      </c>
      <c r="AF81" s="4">
        <v>0</v>
      </c>
      <c r="AG81" s="4">
        <v>0</v>
      </c>
      <c r="AH81" s="4">
        <v>9.6000000000000014</v>
      </c>
      <c r="AI81" s="4">
        <v>12</v>
      </c>
      <c r="AJ81" s="4">
        <v>21.6</v>
      </c>
      <c r="AK81" s="4">
        <v>0</v>
      </c>
      <c r="AL81" s="4">
        <v>0</v>
      </c>
      <c r="AM81" s="4">
        <v>0</v>
      </c>
      <c r="AN81" s="4">
        <v>12</v>
      </c>
      <c r="AO81" s="4">
        <v>0</v>
      </c>
      <c r="AP81" s="4">
        <v>0</v>
      </c>
      <c r="AQ81" s="4">
        <v>0</v>
      </c>
      <c r="AR81" s="4">
        <v>0</v>
      </c>
      <c r="AS81" s="4">
        <v>0</v>
      </c>
      <c r="AT81" s="4">
        <v>1.2000000000000002</v>
      </c>
      <c r="AU81" s="4">
        <v>7.2000000000000011</v>
      </c>
      <c r="AV81" s="4">
        <v>0</v>
      </c>
      <c r="AW81" s="4">
        <v>1.2000000000000002</v>
      </c>
      <c r="AX81" s="4">
        <v>0</v>
      </c>
    </row>
    <row r="82" spans="1:50">
      <c r="A82">
        <v>7</v>
      </c>
      <c r="B82" t="s">
        <v>132</v>
      </c>
      <c r="C82" t="s">
        <v>134</v>
      </c>
      <c r="D82" t="s">
        <v>103</v>
      </c>
      <c r="E82">
        <v>5</v>
      </c>
      <c r="F82">
        <v>24</v>
      </c>
      <c r="G82" s="1">
        <v>3.8400000000000007</v>
      </c>
      <c r="H82" s="4">
        <v>2.3999999999999995</v>
      </c>
      <c r="I82" s="4">
        <v>16.799999999999997</v>
      </c>
      <c r="J82" s="4">
        <v>9.6000000000000014</v>
      </c>
      <c r="K82" s="4">
        <v>2.3999999999999995</v>
      </c>
      <c r="L82" s="4">
        <v>7.2000000000000011</v>
      </c>
      <c r="M82" s="4">
        <v>4.7999999999999989</v>
      </c>
      <c r="N82" s="4">
        <v>0</v>
      </c>
      <c r="O82" s="4">
        <v>12</v>
      </c>
      <c r="P82" s="4">
        <v>0</v>
      </c>
      <c r="Q82" s="4">
        <v>2.3999999999999995</v>
      </c>
      <c r="R82" s="4">
        <v>21.6</v>
      </c>
      <c r="S82" s="4">
        <v>4.7999999999999989</v>
      </c>
      <c r="T82" s="4">
        <v>0</v>
      </c>
      <c r="U82" s="4">
        <v>2.3999999999999995</v>
      </c>
      <c r="V82" s="4">
        <v>12</v>
      </c>
      <c r="W82" s="4">
        <v>9.6000000000000014</v>
      </c>
      <c r="X82" s="4">
        <v>13.824000000000003</v>
      </c>
      <c r="Y82" s="4">
        <v>16.799999999999997</v>
      </c>
      <c r="Z82" s="4">
        <v>16.799999999999997</v>
      </c>
      <c r="AA82" s="4">
        <v>9.6000000000000014</v>
      </c>
      <c r="AB82" s="4">
        <v>9.6000000000000014</v>
      </c>
      <c r="AC82" s="4">
        <v>16.799999999999997</v>
      </c>
      <c r="AD82" s="4">
        <v>0</v>
      </c>
      <c r="AE82" s="4">
        <v>26.400000000000002</v>
      </c>
      <c r="AF82" s="4">
        <v>0</v>
      </c>
      <c r="AG82" s="4">
        <v>0</v>
      </c>
      <c r="AH82" s="4">
        <v>0</v>
      </c>
      <c r="AI82" s="4">
        <v>12</v>
      </c>
      <c r="AJ82" s="4">
        <v>21.6</v>
      </c>
      <c r="AK82" s="4">
        <v>0</v>
      </c>
      <c r="AL82" s="4">
        <v>13.440000000000001</v>
      </c>
      <c r="AM82" s="4">
        <v>0</v>
      </c>
      <c r="AN82" s="4">
        <v>12</v>
      </c>
      <c r="AO82" s="4">
        <v>0</v>
      </c>
      <c r="AP82" s="4">
        <v>12</v>
      </c>
      <c r="AQ82" s="4">
        <v>16.799999999999997</v>
      </c>
      <c r="AR82" s="4">
        <v>0</v>
      </c>
      <c r="AS82" s="4">
        <v>21.6</v>
      </c>
      <c r="AT82" s="4">
        <v>1.2000000000000002</v>
      </c>
      <c r="AU82" s="4">
        <v>7.2000000000000011</v>
      </c>
      <c r="AV82" s="4">
        <v>0</v>
      </c>
      <c r="AW82" s="4">
        <v>1.2000000000000002</v>
      </c>
      <c r="AX82" s="4">
        <v>0</v>
      </c>
    </row>
    <row r="83" spans="1:50">
      <c r="A83">
        <v>8</v>
      </c>
      <c r="B83" t="s">
        <v>135</v>
      </c>
      <c r="C83" t="s">
        <v>136</v>
      </c>
      <c r="D83" t="s">
        <v>137</v>
      </c>
      <c r="E83">
        <v>6</v>
      </c>
      <c r="F83">
        <v>25</v>
      </c>
      <c r="G83" s="1">
        <v>3.3333333333333335</v>
      </c>
      <c r="H83" s="4">
        <v>4.9999999999999991</v>
      </c>
      <c r="I83" s="4">
        <v>20</v>
      </c>
      <c r="J83" s="4">
        <v>12.5</v>
      </c>
      <c r="K83" s="4">
        <v>4.9999999999999991</v>
      </c>
      <c r="L83" s="4">
        <v>0</v>
      </c>
      <c r="M83" s="4">
        <v>7.5000000000000009</v>
      </c>
      <c r="N83" s="4">
        <v>15</v>
      </c>
      <c r="O83" s="4">
        <v>15</v>
      </c>
      <c r="P83" s="4">
        <v>0</v>
      </c>
      <c r="Q83" s="4">
        <v>4.9999999999999991</v>
      </c>
      <c r="R83" s="4">
        <v>0</v>
      </c>
      <c r="S83" s="4">
        <v>0</v>
      </c>
      <c r="T83" s="4">
        <v>0</v>
      </c>
      <c r="U83" s="4">
        <v>4.9999999999999991</v>
      </c>
      <c r="V83" s="4">
        <v>15</v>
      </c>
      <c r="W83" s="4">
        <v>12.5</v>
      </c>
      <c r="X83" s="4">
        <v>25</v>
      </c>
      <c r="Y83" s="4">
        <v>0</v>
      </c>
      <c r="Z83" s="4">
        <v>20</v>
      </c>
      <c r="AA83" s="4">
        <v>12.5</v>
      </c>
      <c r="AB83" s="4">
        <v>12.5</v>
      </c>
      <c r="AC83" s="4">
        <v>20</v>
      </c>
      <c r="AD83" s="4">
        <v>0</v>
      </c>
      <c r="AE83" s="4">
        <v>0</v>
      </c>
      <c r="AF83" s="4">
        <v>15</v>
      </c>
      <c r="AG83" s="4">
        <v>0</v>
      </c>
      <c r="AH83" s="4">
        <v>0</v>
      </c>
      <c r="AI83" s="4">
        <v>15</v>
      </c>
      <c r="AJ83" s="4">
        <v>25</v>
      </c>
      <c r="AK83" s="4">
        <v>0</v>
      </c>
      <c r="AL83" s="4">
        <v>8</v>
      </c>
      <c r="AM83" s="4">
        <v>0</v>
      </c>
      <c r="AN83" s="4">
        <v>15</v>
      </c>
      <c r="AO83" s="4">
        <v>7.5000000000000009</v>
      </c>
      <c r="AP83" s="4">
        <v>15</v>
      </c>
      <c r="AQ83" s="4">
        <v>0</v>
      </c>
      <c r="AR83" s="4">
        <v>0</v>
      </c>
      <c r="AS83" s="4">
        <v>0</v>
      </c>
      <c r="AT83" s="4">
        <v>1.25</v>
      </c>
      <c r="AU83" s="4">
        <v>10</v>
      </c>
      <c r="AV83" s="4">
        <v>0</v>
      </c>
      <c r="AW83" s="4">
        <v>1.25</v>
      </c>
      <c r="AX83" s="4">
        <v>0</v>
      </c>
    </row>
    <row r="84" spans="1:50">
      <c r="A84">
        <v>8</v>
      </c>
      <c r="B84" t="s">
        <v>138</v>
      </c>
      <c r="C84" t="s">
        <v>139</v>
      </c>
      <c r="D84" t="s">
        <v>137</v>
      </c>
      <c r="E84">
        <v>4</v>
      </c>
      <c r="F84">
        <v>25</v>
      </c>
      <c r="G84" s="1">
        <v>5</v>
      </c>
      <c r="H84" s="4">
        <v>4.9999999999999991</v>
      </c>
      <c r="I84" s="4">
        <v>20</v>
      </c>
      <c r="J84" s="4">
        <v>12.5</v>
      </c>
      <c r="K84" s="4">
        <v>4.9999999999999991</v>
      </c>
      <c r="L84" s="4">
        <v>10</v>
      </c>
      <c r="M84" s="4">
        <v>7.5000000000000009</v>
      </c>
      <c r="N84" s="4">
        <v>0</v>
      </c>
      <c r="O84" s="4">
        <v>15</v>
      </c>
      <c r="P84" s="4">
        <v>25</v>
      </c>
      <c r="Q84" s="4">
        <v>4.9999999999999991</v>
      </c>
      <c r="R84" s="4">
        <v>25</v>
      </c>
      <c r="S84" s="4">
        <v>7.5000000000000009</v>
      </c>
      <c r="T84" s="4">
        <v>10</v>
      </c>
      <c r="U84" s="4">
        <v>4.9999999999999991</v>
      </c>
      <c r="V84" s="4">
        <v>15</v>
      </c>
      <c r="W84" s="4">
        <v>0</v>
      </c>
      <c r="X84" s="4">
        <v>25</v>
      </c>
      <c r="Y84" s="4">
        <v>0</v>
      </c>
      <c r="Z84" s="4">
        <v>20</v>
      </c>
      <c r="AA84" s="4">
        <v>0</v>
      </c>
      <c r="AB84" s="4">
        <v>12.5</v>
      </c>
      <c r="AC84" s="4">
        <v>20</v>
      </c>
      <c r="AD84" s="4">
        <v>0</v>
      </c>
      <c r="AE84" s="4">
        <v>30</v>
      </c>
      <c r="AF84" s="4">
        <v>0</v>
      </c>
      <c r="AG84" s="4">
        <v>0</v>
      </c>
      <c r="AH84" s="4">
        <v>0</v>
      </c>
      <c r="AI84" s="4">
        <v>15</v>
      </c>
      <c r="AJ84" s="4">
        <v>25</v>
      </c>
      <c r="AK84" s="4">
        <v>0</v>
      </c>
      <c r="AL84" s="4">
        <v>20</v>
      </c>
      <c r="AM84" s="4">
        <v>0</v>
      </c>
      <c r="AN84" s="4">
        <v>15</v>
      </c>
      <c r="AO84" s="4">
        <v>7.5000000000000009</v>
      </c>
      <c r="AP84" s="4">
        <v>15</v>
      </c>
      <c r="AQ84" s="4">
        <v>20</v>
      </c>
      <c r="AR84" s="4">
        <v>0</v>
      </c>
      <c r="AS84" s="4">
        <v>0</v>
      </c>
      <c r="AT84" s="4">
        <v>1.25</v>
      </c>
      <c r="AU84" s="4">
        <v>10</v>
      </c>
      <c r="AV84" s="4">
        <v>0</v>
      </c>
      <c r="AW84" s="4">
        <v>1.25</v>
      </c>
      <c r="AX84" s="4">
        <v>0</v>
      </c>
    </row>
    <row r="85" spans="1:50">
      <c r="A85">
        <v>8</v>
      </c>
      <c r="B85" t="s">
        <v>128</v>
      </c>
      <c r="C85" t="s">
        <v>140</v>
      </c>
      <c r="D85" t="s">
        <v>137</v>
      </c>
      <c r="E85">
        <v>5</v>
      </c>
      <c r="F85">
        <v>25</v>
      </c>
      <c r="G85" s="1">
        <v>4</v>
      </c>
      <c r="H85" s="4">
        <v>4.9999999999999991</v>
      </c>
      <c r="I85" s="4">
        <v>20</v>
      </c>
      <c r="J85" s="4">
        <v>12.5</v>
      </c>
      <c r="K85" s="4">
        <v>4.9999999999999991</v>
      </c>
      <c r="L85" s="4">
        <v>10</v>
      </c>
      <c r="M85" s="4">
        <v>7.5000000000000009</v>
      </c>
      <c r="N85" s="4">
        <v>0</v>
      </c>
      <c r="O85" s="4">
        <v>15</v>
      </c>
      <c r="P85" s="4">
        <v>25</v>
      </c>
      <c r="Q85" s="4">
        <v>4.9999999999999991</v>
      </c>
      <c r="R85" s="4">
        <v>25</v>
      </c>
      <c r="S85" s="4">
        <v>7.5000000000000009</v>
      </c>
      <c r="T85" s="4">
        <v>10</v>
      </c>
      <c r="U85" s="4">
        <v>4.9999999999999991</v>
      </c>
      <c r="V85" s="4">
        <v>15</v>
      </c>
      <c r="W85" s="4">
        <v>12.5</v>
      </c>
      <c r="X85" s="4">
        <v>25</v>
      </c>
      <c r="Y85" s="4">
        <v>20</v>
      </c>
      <c r="Z85" s="4">
        <v>20</v>
      </c>
      <c r="AA85" s="4">
        <v>12.5</v>
      </c>
      <c r="AB85" s="4">
        <v>12.5</v>
      </c>
      <c r="AC85" s="4">
        <v>20</v>
      </c>
      <c r="AD85" s="4">
        <v>0</v>
      </c>
      <c r="AE85" s="4">
        <v>0</v>
      </c>
      <c r="AF85" s="4">
        <v>15</v>
      </c>
      <c r="AG85" s="4">
        <v>0</v>
      </c>
      <c r="AH85" s="4">
        <v>12.5</v>
      </c>
      <c r="AI85" s="4">
        <v>0</v>
      </c>
      <c r="AJ85" s="4">
        <v>25</v>
      </c>
      <c r="AK85" s="4">
        <v>0</v>
      </c>
      <c r="AL85" s="4">
        <v>20</v>
      </c>
      <c r="AM85" s="4">
        <v>0</v>
      </c>
      <c r="AN85" s="4">
        <v>15</v>
      </c>
      <c r="AO85" s="4">
        <v>0</v>
      </c>
      <c r="AP85" s="4">
        <v>0</v>
      </c>
      <c r="AQ85" s="4">
        <v>20</v>
      </c>
      <c r="AR85" s="4">
        <v>0</v>
      </c>
      <c r="AS85" s="4">
        <v>25</v>
      </c>
      <c r="AT85" s="4">
        <v>1.25</v>
      </c>
      <c r="AU85" s="4">
        <v>10</v>
      </c>
      <c r="AV85" s="4">
        <v>0</v>
      </c>
      <c r="AW85" s="4">
        <v>1.25</v>
      </c>
      <c r="AX85" s="4">
        <v>12.5</v>
      </c>
    </row>
    <row r="86" spans="1:50">
      <c r="A86">
        <v>9</v>
      </c>
      <c r="B86" t="s">
        <v>120</v>
      </c>
      <c r="C86" t="s">
        <v>141</v>
      </c>
      <c r="D86" t="s">
        <v>101</v>
      </c>
      <c r="E86">
        <v>6</v>
      </c>
      <c r="F86">
        <v>26</v>
      </c>
      <c r="G86" s="1">
        <v>3.4666666666666668</v>
      </c>
      <c r="H86" s="4">
        <v>7.8000000000000007</v>
      </c>
      <c r="I86" s="4">
        <v>23.400000000000002</v>
      </c>
      <c r="J86" s="4">
        <v>15.6</v>
      </c>
      <c r="K86" s="4">
        <v>7.8000000000000007</v>
      </c>
      <c r="L86" s="4">
        <v>13</v>
      </c>
      <c r="M86" s="4">
        <v>10.4</v>
      </c>
      <c r="N86" s="4">
        <v>18.2</v>
      </c>
      <c r="O86" s="4">
        <v>0</v>
      </c>
      <c r="P86" s="4">
        <v>22.880000000000003</v>
      </c>
      <c r="Q86" s="4">
        <v>7.8000000000000007</v>
      </c>
      <c r="R86" s="4">
        <v>28.6</v>
      </c>
      <c r="S86" s="4">
        <v>10.4</v>
      </c>
      <c r="T86" s="4">
        <v>13</v>
      </c>
      <c r="U86" s="4">
        <v>7.8000000000000007</v>
      </c>
      <c r="V86" s="4">
        <v>18.2</v>
      </c>
      <c r="W86" s="4">
        <v>15.6</v>
      </c>
      <c r="X86" s="4">
        <v>0</v>
      </c>
      <c r="Y86" s="4">
        <v>0</v>
      </c>
      <c r="Z86" s="4">
        <v>23.400000000000002</v>
      </c>
      <c r="AA86" s="4">
        <v>15.6</v>
      </c>
      <c r="AB86" s="4">
        <v>15.6</v>
      </c>
      <c r="AC86" s="4">
        <v>23.400000000000002</v>
      </c>
      <c r="AD86" s="4">
        <v>0</v>
      </c>
      <c r="AE86" s="4">
        <v>0</v>
      </c>
      <c r="AF86" s="4">
        <v>0</v>
      </c>
      <c r="AG86" s="4">
        <v>0</v>
      </c>
      <c r="AH86" s="4">
        <v>0</v>
      </c>
      <c r="AI86" s="4">
        <v>0</v>
      </c>
      <c r="AJ86" s="4">
        <v>28.6</v>
      </c>
      <c r="AK86" s="4">
        <v>0</v>
      </c>
      <c r="AL86" s="4">
        <v>6.24</v>
      </c>
      <c r="AM86" s="4">
        <v>0</v>
      </c>
      <c r="AN86" s="4">
        <v>18.2</v>
      </c>
      <c r="AO86" s="4">
        <v>0</v>
      </c>
      <c r="AP86" s="4">
        <v>0</v>
      </c>
      <c r="AQ86" s="4">
        <v>23.400000000000002</v>
      </c>
      <c r="AR86" s="4">
        <v>0</v>
      </c>
      <c r="AS86" s="4">
        <v>0</v>
      </c>
      <c r="AT86" s="4">
        <v>1.3</v>
      </c>
      <c r="AU86" s="4">
        <v>13</v>
      </c>
      <c r="AV86" s="4">
        <v>0</v>
      </c>
      <c r="AW86" s="4">
        <v>1.3</v>
      </c>
      <c r="AX86" s="4">
        <v>0</v>
      </c>
    </row>
    <row r="87" spans="1:50">
      <c r="A87">
        <v>9</v>
      </c>
      <c r="B87" t="s">
        <v>130</v>
      </c>
      <c r="C87" t="s">
        <v>142</v>
      </c>
      <c r="D87" t="s">
        <v>101</v>
      </c>
      <c r="E87">
        <v>4</v>
      </c>
      <c r="F87">
        <v>26</v>
      </c>
      <c r="G87" s="1">
        <v>5.2</v>
      </c>
      <c r="H87" s="4">
        <v>7.8000000000000007</v>
      </c>
      <c r="I87" s="4">
        <v>18.720000000000002</v>
      </c>
      <c r="J87" s="4">
        <v>0</v>
      </c>
      <c r="K87" s="4">
        <v>7.8000000000000007</v>
      </c>
      <c r="L87" s="4">
        <v>13</v>
      </c>
      <c r="M87" s="4">
        <v>10.4</v>
      </c>
      <c r="N87" s="4">
        <v>0</v>
      </c>
      <c r="O87" s="4">
        <v>0</v>
      </c>
      <c r="P87" s="4">
        <v>0</v>
      </c>
      <c r="Q87" s="4">
        <v>7.8000000000000007</v>
      </c>
      <c r="R87" s="4">
        <v>0</v>
      </c>
      <c r="S87" s="4">
        <v>10.4</v>
      </c>
      <c r="T87" s="4">
        <v>0</v>
      </c>
      <c r="U87" s="4">
        <v>7.8000000000000007</v>
      </c>
      <c r="V87" s="4">
        <v>18.2</v>
      </c>
      <c r="W87" s="4">
        <v>15.6</v>
      </c>
      <c r="X87" s="4">
        <v>0</v>
      </c>
      <c r="Y87" s="4">
        <v>23.400000000000002</v>
      </c>
      <c r="Z87" s="4">
        <v>23.400000000000002</v>
      </c>
      <c r="AA87" s="4">
        <v>15.6</v>
      </c>
      <c r="AB87" s="4">
        <v>15.6</v>
      </c>
      <c r="AC87" s="4">
        <v>23.400000000000002</v>
      </c>
      <c r="AD87" s="4">
        <v>0</v>
      </c>
      <c r="AE87" s="4">
        <v>0</v>
      </c>
      <c r="AF87" s="4">
        <v>0</v>
      </c>
      <c r="AG87" s="4">
        <v>0</v>
      </c>
      <c r="AH87" s="4">
        <v>0</v>
      </c>
      <c r="AI87" s="4">
        <v>0</v>
      </c>
      <c r="AJ87" s="4">
        <v>28.6</v>
      </c>
      <c r="AK87" s="4">
        <v>0</v>
      </c>
      <c r="AL87" s="4">
        <v>0</v>
      </c>
      <c r="AM87" s="4">
        <v>0</v>
      </c>
      <c r="AN87" s="4">
        <v>18.2</v>
      </c>
      <c r="AO87" s="4">
        <v>0</v>
      </c>
      <c r="AP87" s="4">
        <v>0</v>
      </c>
      <c r="AQ87" s="4">
        <v>0</v>
      </c>
      <c r="AR87" s="4">
        <v>0</v>
      </c>
      <c r="AS87" s="4">
        <v>0</v>
      </c>
      <c r="AT87" s="4">
        <v>1.3</v>
      </c>
      <c r="AU87" s="4">
        <v>13</v>
      </c>
      <c r="AV87" s="4">
        <v>0</v>
      </c>
      <c r="AW87" s="4">
        <v>1.3</v>
      </c>
      <c r="AX87" s="4">
        <v>0</v>
      </c>
    </row>
    <row r="88" spans="1:50">
      <c r="A88">
        <v>9</v>
      </c>
      <c r="B88" t="s">
        <v>123</v>
      </c>
      <c r="C88" t="s">
        <v>143</v>
      </c>
      <c r="D88" t="s">
        <v>101</v>
      </c>
      <c r="E88">
        <v>5</v>
      </c>
      <c r="F88">
        <v>26</v>
      </c>
      <c r="G88" s="1">
        <v>4.16</v>
      </c>
      <c r="H88" s="4">
        <v>7.8000000000000007</v>
      </c>
      <c r="I88" s="4">
        <v>23.400000000000002</v>
      </c>
      <c r="J88" s="4">
        <v>15.6</v>
      </c>
      <c r="K88" s="4">
        <v>7.8000000000000007</v>
      </c>
      <c r="L88" s="4">
        <v>13</v>
      </c>
      <c r="M88" s="4">
        <v>10.4</v>
      </c>
      <c r="N88" s="4">
        <v>0</v>
      </c>
      <c r="O88" s="4">
        <v>18.2</v>
      </c>
      <c r="P88" s="4">
        <v>28.6</v>
      </c>
      <c r="Q88" s="4">
        <v>7.8000000000000007</v>
      </c>
      <c r="R88" s="4">
        <v>28.6</v>
      </c>
      <c r="S88" s="4">
        <v>10.4</v>
      </c>
      <c r="T88" s="4">
        <v>0</v>
      </c>
      <c r="U88" s="4">
        <v>7.8000000000000007</v>
      </c>
      <c r="V88" s="4">
        <v>18.2</v>
      </c>
      <c r="W88" s="4">
        <v>15.6</v>
      </c>
      <c r="X88" s="4">
        <v>28.6</v>
      </c>
      <c r="Y88" s="4">
        <v>23.400000000000002</v>
      </c>
      <c r="Z88" s="4">
        <v>23.400000000000002</v>
      </c>
      <c r="AA88" s="4">
        <v>15.6</v>
      </c>
      <c r="AB88" s="4">
        <v>15.6</v>
      </c>
      <c r="AC88" s="4">
        <v>23.400000000000002</v>
      </c>
      <c r="AD88" s="4">
        <v>0</v>
      </c>
      <c r="AE88" s="4">
        <v>33.800000000000004</v>
      </c>
      <c r="AF88" s="4">
        <v>0</v>
      </c>
      <c r="AG88" s="4">
        <v>0</v>
      </c>
      <c r="AH88" s="4">
        <v>15.6</v>
      </c>
      <c r="AI88" s="4">
        <v>18.2</v>
      </c>
      <c r="AJ88" s="4">
        <v>28.6</v>
      </c>
      <c r="AK88" s="4">
        <v>0</v>
      </c>
      <c r="AL88" s="4">
        <v>0</v>
      </c>
      <c r="AM88" s="4">
        <v>1.3</v>
      </c>
      <c r="AN88" s="4">
        <v>18.2</v>
      </c>
      <c r="AO88" s="4">
        <v>10.4</v>
      </c>
      <c r="AP88" s="4">
        <v>18.2</v>
      </c>
      <c r="AQ88" s="4">
        <v>23.400000000000002</v>
      </c>
      <c r="AR88" s="4">
        <v>0</v>
      </c>
      <c r="AS88" s="4">
        <v>28.6</v>
      </c>
      <c r="AT88" s="4">
        <v>1.3</v>
      </c>
      <c r="AU88" s="4">
        <v>13</v>
      </c>
      <c r="AV88" s="4">
        <v>0</v>
      </c>
      <c r="AW88" s="4">
        <v>1.3</v>
      </c>
      <c r="AX88" s="4">
        <v>15.6</v>
      </c>
    </row>
    <row r="89" spans="1:50">
      <c r="A89">
        <v>9</v>
      </c>
      <c r="B89" t="s">
        <v>132</v>
      </c>
      <c r="C89" t="s">
        <v>144</v>
      </c>
      <c r="D89" t="s">
        <v>101</v>
      </c>
      <c r="E89">
        <v>4</v>
      </c>
      <c r="F89">
        <v>26</v>
      </c>
      <c r="G89" s="1">
        <v>5.2</v>
      </c>
      <c r="H89" s="4">
        <v>7.8000000000000007</v>
      </c>
      <c r="I89" s="4">
        <v>23.400000000000002</v>
      </c>
      <c r="J89" s="4">
        <v>0</v>
      </c>
      <c r="K89" s="4">
        <v>7.8000000000000007</v>
      </c>
      <c r="L89" s="4">
        <v>13</v>
      </c>
      <c r="M89" s="4">
        <v>10.4</v>
      </c>
      <c r="N89" s="4">
        <v>0</v>
      </c>
      <c r="O89" s="4">
        <v>18.2</v>
      </c>
      <c r="P89" s="4">
        <v>28.6</v>
      </c>
      <c r="Q89" s="4">
        <v>7.8000000000000007</v>
      </c>
      <c r="R89" s="4">
        <v>28.6</v>
      </c>
      <c r="S89" s="4">
        <v>10.4</v>
      </c>
      <c r="T89" s="4">
        <v>13</v>
      </c>
      <c r="U89" s="4">
        <v>7.8000000000000007</v>
      </c>
      <c r="V89" s="4">
        <v>18.2</v>
      </c>
      <c r="W89" s="4">
        <v>15.6</v>
      </c>
      <c r="X89" s="4">
        <v>28.6</v>
      </c>
      <c r="Y89" s="4">
        <v>0</v>
      </c>
      <c r="Z89" s="4">
        <v>23.400000000000002</v>
      </c>
      <c r="AA89" s="4">
        <v>15.6</v>
      </c>
      <c r="AB89" s="4">
        <v>15.6</v>
      </c>
      <c r="AC89" s="4">
        <v>23.400000000000002</v>
      </c>
      <c r="AD89" s="4">
        <v>0</v>
      </c>
      <c r="AE89" s="4">
        <v>0</v>
      </c>
      <c r="AF89" s="4">
        <v>0</v>
      </c>
      <c r="AG89" s="4">
        <v>0</v>
      </c>
      <c r="AH89" s="4">
        <v>15.6</v>
      </c>
      <c r="AI89" s="4">
        <v>18.2</v>
      </c>
      <c r="AJ89" s="4">
        <v>28.6</v>
      </c>
      <c r="AK89" s="4">
        <v>0</v>
      </c>
      <c r="AL89" s="4">
        <v>23.400000000000002</v>
      </c>
      <c r="AM89" s="4">
        <v>0</v>
      </c>
      <c r="AN89" s="4">
        <v>18.2</v>
      </c>
      <c r="AO89" s="4">
        <v>0</v>
      </c>
      <c r="AP89" s="4">
        <v>18.2</v>
      </c>
      <c r="AQ89" s="4">
        <v>0</v>
      </c>
      <c r="AR89" s="4">
        <v>0</v>
      </c>
      <c r="AS89" s="4">
        <v>0</v>
      </c>
      <c r="AT89" s="4">
        <v>1.3</v>
      </c>
      <c r="AU89" s="4">
        <v>13</v>
      </c>
      <c r="AV89" s="4">
        <v>0</v>
      </c>
      <c r="AW89" s="4">
        <v>1.3</v>
      </c>
      <c r="AX89" s="4">
        <v>15.6</v>
      </c>
    </row>
    <row r="90" spans="1:50">
      <c r="A90">
        <v>10</v>
      </c>
      <c r="B90" t="s">
        <v>145</v>
      </c>
      <c r="C90" t="s">
        <v>146</v>
      </c>
      <c r="D90" t="s">
        <v>147</v>
      </c>
      <c r="E90">
        <v>6</v>
      </c>
      <c r="F90">
        <v>27</v>
      </c>
      <c r="G90" s="1">
        <v>3.6</v>
      </c>
      <c r="H90" s="4">
        <v>10.8</v>
      </c>
      <c r="I90" s="4">
        <v>27</v>
      </c>
      <c r="J90" s="4">
        <v>0</v>
      </c>
      <c r="K90" s="4">
        <v>10.8</v>
      </c>
      <c r="L90" s="4">
        <v>16.2</v>
      </c>
      <c r="M90" s="4">
        <v>13.5</v>
      </c>
      <c r="N90" s="4">
        <v>21.6</v>
      </c>
      <c r="O90" s="4">
        <v>21.6</v>
      </c>
      <c r="P90" s="4">
        <v>32.4</v>
      </c>
      <c r="Q90" s="4">
        <v>10.8</v>
      </c>
      <c r="R90" s="4">
        <v>32.4</v>
      </c>
      <c r="S90" s="4">
        <v>13.5</v>
      </c>
      <c r="T90" s="4">
        <v>16.2</v>
      </c>
      <c r="U90" s="4">
        <v>10.8</v>
      </c>
      <c r="V90" s="4">
        <v>21.6</v>
      </c>
      <c r="W90" s="4">
        <v>18.899999999999999</v>
      </c>
      <c r="X90" s="4">
        <v>32.4</v>
      </c>
      <c r="Y90" s="4">
        <v>21.6</v>
      </c>
      <c r="Z90" s="4">
        <v>27</v>
      </c>
      <c r="AA90" s="4">
        <v>18.899999999999999</v>
      </c>
      <c r="AB90" s="4">
        <v>18.899999999999999</v>
      </c>
      <c r="AC90" s="4">
        <v>27</v>
      </c>
      <c r="AD90" s="4">
        <v>0</v>
      </c>
      <c r="AE90" s="4">
        <v>0</v>
      </c>
      <c r="AF90" s="4">
        <v>0</v>
      </c>
      <c r="AG90" s="4">
        <v>0</v>
      </c>
      <c r="AH90" s="4">
        <v>0</v>
      </c>
      <c r="AI90" s="4">
        <v>21.6</v>
      </c>
      <c r="AJ90" s="4">
        <v>32.4</v>
      </c>
      <c r="AK90" s="4">
        <v>0</v>
      </c>
      <c r="AL90" s="4">
        <v>21.6</v>
      </c>
      <c r="AM90" s="4">
        <v>0</v>
      </c>
      <c r="AN90" s="4">
        <v>21.6</v>
      </c>
      <c r="AO90" s="4">
        <v>0</v>
      </c>
      <c r="AP90" s="4">
        <v>21.6</v>
      </c>
      <c r="AQ90" s="4">
        <v>27</v>
      </c>
      <c r="AR90" s="4">
        <v>0</v>
      </c>
      <c r="AS90" s="4">
        <v>0</v>
      </c>
      <c r="AT90" s="4">
        <v>2.6999999999999993</v>
      </c>
      <c r="AU90" s="4">
        <v>16.2</v>
      </c>
      <c r="AV90" s="4">
        <v>0</v>
      </c>
      <c r="AW90" s="4">
        <v>1.35</v>
      </c>
      <c r="AX90" s="4">
        <v>18.899999999999999</v>
      </c>
    </row>
    <row r="91" spans="1:50">
      <c r="A91">
        <v>10</v>
      </c>
      <c r="B91" t="s">
        <v>148</v>
      </c>
      <c r="C91" t="s">
        <v>149</v>
      </c>
      <c r="D91" t="s">
        <v>147</v>
      </c>
      <c r="E91">
        <v>7</v>
      </c>
      <c r="F91">
        <v>27</v>
      </c>
      <c r="G91" s="1">
        <v>3.0857142857142859</v>
      </c>
      <c r="H91" s="4">
        <v>10.8</v>
      </c>
      <c r="I91" s="4">
        <v>0</v>
      </c>
      <c r="J91" s="4">
        <v>0</v>
      </c>
      <c r="K91" s="4">
        <v>10.8</v>
      </c>
      <c r="L91" s="4">
        <v>0</v>
      </c>
      <c r="M91" s="4">
        <v>13.5</v>
      </c>
      <c r="N91" s="4">
        <v>21.6</v>
      </c>
      <c r="O91" s="4">
        <v>21.6</v>
      </c>
      <c r="P91" s="4">
        <v>0</v>
      </c>
      <c r="Q91" s="4">
        <v>10.8</v>
      </c>
      <c r="R91" s="4">
        <v>0</v>
      </c>
      <c r="S91" s="4">
        <v>0</v>
      </c>
      <c r="T91" s="4">
        <v>0</v>
      </c>
      <c r="U91" s="4">
        <v>10.8</v>
      </c>
      <c r="V91" s="4">
        <v>21.6</v>
      </c>
      <c r="W91" s="4">
        <v>18.899999999999999</v>
      </c>
      <c r="X91" s="4">
        <v>14.811428571428571</v>
      </c>
      <c r="Y91" s="4">
        <v>0</v>
      </c>
      <c r="Z91" s="4">
        <v>27</v>
      </c>
      <c r="AA91" s="4">
        <v>18.899999999999999</v>
      </c>
      <c r="AB91" s="4">
        <v>18.899999999999999</v>
      </c>
      <c r="AC91" s="4">
        <v>27</v>
      </c>
      <c r="AD91" s="4">
        <v>0</v>
      </c>
      <c r="AE91" s="4">
        <v>0</v>
      </c>
      <c r="AF91" s="4">
        <v>0</v>
      </c>
      <c r="AG91" s="4">
        <v>0</v>
      </c>
      <c r="AH91" s="4">
        <v>0</v>
      </c>
      <c r="AI91" s="4">
        <v>21.6</v>
      </c>
      <c r="AJ91" s="4">
        <v>32.4</v>
      </c>
      <c r="AK91" s="4">
        <v>0</v>
      </c>
      <c r="AL91" s="4">
        <v>18.514285714285716</v>
      </c>
      <c r="AM91" s="4">
        <v>0</v>
      </c>
      <c r="AN91" s="4">
        <v>21.6</v>
      </c>
      <c r="AO91" s="4">
        <v>13.5</v>
      </c>
      <c r="AP91" s="4">
        <v>21.6</v>
      </c>
      <c r="AQ91" s="4">
        <v>0</v>
      </c>
      <c r="AR91" s="4">
        <v>0</v>
      </c>
      <c r="AS91" s="4">
        <v>0</v>
      </c>
      <c r="AT91" s="4">
        <v>2.6999999999999993</v>
      </c>
      <c r="AU91" s="4">
        <v>16.2</v>
      </c>
      <c r="AV91" s="4">
        <v>0</v>
      </c>
      <c r="AW91" s="4">
        <v>1.35</v>
      </c>
      <c r="AX91" s="4">
        <v>0</v>
      </c>
    </row>
    <row r="92" spans="1:50">
      <c r="A92">
        <v>10</v>
      </c>
      <c r="B92" t="s">
        <v>128</v>
      </c>
      <c r="C92" t="s">
        <v>150</v>
      </c>
      <c r="D92" t="s">
        <v>147</v>
      </c>
      <c r="E92">
        <v>4</v>
      </c>
      <c r="F92">
        <v>27</v>
      </c>
      <c r="G92" s="1">
        <v>5.4</v>
      </c>
      <c r="H92" s="4">
        <v>10.8</v>
      </c>
      <c r="I92" s="4">
        <v>27</v>
      </c>
      <c r="J92" s="4">
        <v>18.899999999999999</v>
      </c>
      <c r="K92" s="4">
        <v>10.8</v>
      </c>
      <c r="L92" s="4">
        <v>16.2</v>
      </c>
      <c r="M92" s="4">
        <v>13.5</v>
      </c>
      <c r="N92" s="4">
        <v>0</v>
      </c>
      <c r="O92" s="4">
        <v>21.6</v>
      </c>
      <c r="P92" s="4">
        <v>32.4</v>
      </c>
      <c r="Q92" s="4">
        <v>10.8</v>
      </c>
      <c r="R92" s="4">
        <v>32.4</v>
      </c>
      <c r="S92" s="4">
        <v>13.5</v>
      </c>
      <c r="T92" s="4">
        <v>16.2</v>
      </c>
      <c r="U92" s="4">
        <v>10.8</v>
      </c>
      <c r="V92" s="4">
        <v>21.6</v>
      </c>
      <c r="W92" s="4">
        <v>18.899999999999999</v>
      </c>
      <c r="X92" s="4">
        <v>19.440000000000001</v>
      </c>
      <c r="Y92" s="4">
        <v>27</v>
      </c>
      <c r="Z92" s="4">
        <v>27</v>
      </c>
      <c r="AA92" s="4">
        <v>18.899999999999999</v>
      </c>
      <c r="AB92" s="4">
        <v>18.899999999999999</v>
      </c>
      <c r="AC92" s="4">
        <v>27</v>
      </c>
      <c r="AD92" s="4">
        <v>0</v>
      </c>
      <c r="AE92" s="4">
        <v>0</v>
      </c>
      <c r="AF92" s="4">
        <v>21.6</v>
      </c>
      <c r="AG92" s="4">
        <v>0</v>
      </c>
      <c r="AH92" s="4">
        <v>18.899999999999999</v>
      </c>
      <c r="AI92" s="4">
        <v>0</v>
      </c>
      <c r="AJ92" s="4">
        <v>32.4</v>
      </c>
      <c r="AK92" s="4">
        <v>0</v>
      </c>
      <c r="AL92" s="4">
        <v>27</v>
      </c>
      <c r="AM92" s="4">
        <v>0</v>
      </c>
      <c r="AN92" s="4">
        <v>21.6</v>
      </c>
      <c r="AO92" s="4">
        <v>0</v>
      </c>
      <c r="AP92" s="4">
        <v>0</v>
      </c>
      <c r="AQ92" s="4">
        <v>27</v>
      </c>
      <c r="AR92" s="4">
        <v>0</v>
      </c>
      <c r="AS92" s="4">
        <v>32.4</v>
      </c>
      <c r="AT92" s="4">
        <v>2.6999999999999993</v>
      </c>
      <c r="AU92" s="4">
        <v>16.2</v>
      </c>
      <c r="AV92" s="4">
        <v>0</v>
      </c>
      <c r="AW92" s="4">
        <v>1.35</v>
      </c>
      <c r="AX92" s="4">
        <v>18.899999999999999</v>
      </c>
    </row>
    <row r="93" spans="1:50">
      <c r="A93">
        <v>11</v>
      </c>
      <c r="B93" t="s">
        <v>145</v>
      </c>
      <c r="C93" t="s">
        <v>151</v>
      </c>
      <c r="D93" t="s">
        <v>95</v>
      </c>
      <c r="E93">
        <v>6</v>
      </c>
      <c r="F93">
        <v>28</v>
      </c>
      <c r="G93" s="1">
        <v>3.7333333333333338</v>
      </c>
      <c r="H93" s="4">
        <v>14</v>
      </c>
      <c r="I93" s="4">
        <v>30.800000000000004</v>
      </c>
      <c r="J93" s="4">
        <v>22.400000000000002</v>
      </c>
      <c r="K93" s="4">
        <v>14</v>
      </c>
      <c r="L93" s="4">
        <v>19.599999999999998</v>
      </c>
      <c r="M93" s="4">
        <v>16.8</v>
      </c>
      <c r="N93" s="4">
        <v>25.2</v>
      </c>
      <c r="O93" s="4">
        <v>25.2</v>
      </c>
      <c r="P93" s="4">
        <v>36.4</v>
      </c>
      <c r="Q93" s="4">
        <v>14</v>
      </c>
      <c r="R93" s="4">
        <v>36.4</v>
      </c>
      <c r="S93" s="4">
        <v>16.8</v>
      </c>
      <c r="T93" s="4">
        <v>0</v>
      </c>
      <c r="U93" s="4">
        <v>14</v>
      </c>
      <c r="V93" s="4">
        <v>25.2</v>
      </c>
      <c r="W93" s="4">
        <v>22.400000000000002</v>
      </c>
      <c r="X93" s="4">
        <v>36.4</v>
      </c>
      <c r="Y93" s="4">
        <v>0</v>
      </c>
      <c r="Z93" s="4">
        <v>30.800000000000004</v>
      </c>
      <c r="AA93" s="4">
        <v>22.400000000000002</v>
      </c>
      <c r="AB93" s="4">
        <v>22.400000000000002</v>
      </c>
      <c r="AC93" s="4">
        <v>30.800000000000004</v>
      </c>
      <c r="AD93" s="4">
        <v>0</v>
      </c>
      <c r="AE93" s="4">
        <v>0</v>
      </c>
      <c r="AF93" s="4">
        <v>0</v>
      </c>
      <c r="AG93" s="4">
        <v>0</v>
      </c>
      <c r="AH93" s="4">
        <v>0</v>
      </c>
      <c r="AI93" s="4">
        <v>25.2</v>
      </c>
      <c r="AJ93" s="4">
        <v>36.4</v>
      </c>
      <c r="AK93" s="4">
        <v>0</v>
      </c>
      <c r="AL93" s="4">
        <v>24.640000000000004</v>
      </c>
      <c r="AM93" s="4">
        <v>0</v>
      </c>
      <c r="AN93" s="4">
        <v>25.2</v>
      </c>
      <c r="AO93" s="4">
        <v>16.8</v>
      </c>
      <c r="AP93" s="4">
        <v>25.2</v>
      </c>
      <c r="AQ93" s="4">
        <v>30.800000000000004</v>
      </c>
      <c r="AR93" s="4">
        <v>0</v>
      </c>
      <c r="AS93" s="4">
        <v>0</v>
      </c>
      <c r="AT93" s="4">
        <v>5.5999999999999988</v>
      </c>
      <c r="AU93" s="4">
        <v>19.599999999999998</v>
      </c>
      <c r="AV93" s="4">
        <v>0</v>
      </c>
      <c r="AW93" s="4">
        <v>2.7999999999999994</v>
      </c>
      <c r="AX93" s="4">
        <v>0</v>
      </c>
    </row>
    <row r="94" spans="1:50">
      <c r="A94">
        <v>11</v>
      </c>
      <c r="B94" t="s">
        <v>152</v>
      </c>
      <c r="C94" t="s">
        <v>153</v>
      </c>
      <c r="D94" t="s">
        <v>95</v>
      </c>
      <c r="E94">
        <v>5</v>
      </c>
      <c r="F94">
        <v>28</v>
      </c>
      <c r="G94" s="1">
        <v>4.4800000000000004</v>
      </c>
      <c r="H94" s="4">
        <v>14</v>
      </c>
      <c r="I94" s="4">
        <v>30.800000000000004</v>
      </c>
      <c r="J94" s="4">
        <v>0</v>
      </c>
      <c r="K94" s="4">
        <v>14</v>
      </c>
      <c r="L94" s="4">
        <v>19.599999999999998</v>
      </c>
      <c r="M94" s="4">
        <v>16.8</v>
      </c>
      <c r="N94" s="4">
        <v>25.2</v>
      </c>
      <c r="O94" s="4">
        <v>0</v>
      </c>
      <c r="P94" s="4">
        <v>0</v>
      </c>
      <c r="Q94" s="4">
        <v>14</v>
      </c>
      <c r="R94" s="4">
        <v>36.4</v>
      </c>
      <c r="S94" s="4">
        <v>16.8</v>
      </c>
      <c r="T94" s="4">
        <v>19.599999999999998</v>
      </c>
      <c r="U94" s="4">
        <v>14</v>
      </c>
      <c r="V94" s="4">
        <v>25.2</v>
      </c>
      <c r="W94" s="4">
        <v>22.400000000000002</v>
      </c>
      <c r="X94" s="4">
        <v>17.472000000000001</v>
      </c>
      <c r="Y94" s="4">
        <v>30.800000000000004</v>
      </c>
      <c r="Z94" s="4">
        <v>30.800000000000004</v>
      </c>
      <c r="AA94" s="4">
        <v>22.400000000000002</v>
      </c>
      <c r="AB94" s="4">
        <v>22.400000000000002</v>
      </c>
      <c r="AC94" s="4">
        <v>30.800000000000004</v>
      </c>
      <c r="AD94" s="4">
        <v>0</v>
      </c>
      <c r="AE94" s="4">
        <v>0</v>
      </c>
      <c r="AF94" s="4">
        <v>0</v>
      </c>
      <c r="AG94" s="4">
        <v>0</v>
      </c>
      <c r="AH94" s="4">
        <v>22.400000000000002</v>
      </c>
      <c r="AI94" s="4">
        <v>25.2</v>
      </c>
      <c r="AJ94" s="4">
        <v>0</v>
      </c>
      <c r="AK94" s="4">
        <v>0</v>
      </c>
      <c r="AL94" s="4">
        <v>9.8560000000000016</v>
      </c>
      <c r="AM94" s="4">
        <v>0</v>
      </c>
      <c r="AN94" s="4">
        <v>25.2</v>
      </c>
      <c r="AO94" s="4">
        <v>16.8</v>
      </c>
      <c r="AP94" s="4">
        <v>25.2</v>
      </c>
      <c r="AQ94" s="4">
        <v>0</v>
      </c>
      <c r="AR94" s="4">
        <v>0</v>
      </c>
      <c r="AS94" s="4">
        <v>36.4</v>
      </c>
      <c r="AT94" s="4">
        <v>5.5999999999999988</v>
      </c>
      <c r="AU94" s="4">
        <v>19.599999999999998</v>
      </c>
      <c r="AV94" s="4">
        <v>0</v>
      </c>
      <c r="AW94" s="4">
        <v>2.7999999999999994</v>
      </c>
      <c r="AX94" s="4">
        <v>0</v>
      </c>
    </row>
    <row r="95" spans="1:50">
      <c r="A95">
        <v>11</v>
      </c>
      <c r="B95" t="s">
        <v>128</v>
      </c>
      <c r="C95" t="s">
        <v>154</v>
      </c>
      <c r="D95" t="s">
        <v>95</v>
      </c>
      <c r="E95">
        <v>7</v>
      </c>
      <c r="F95">
        <v>28</v>
      </c>
      <c r="G95" s="1">
        <v>3.2</v>
      </c>
      <c r="H95" s="4">
        <v>14</v>
      </c>
      <c r="I95" s="4">
        <v>30.800000000000004</v>
      </c>
      <c r="J95" s="4">
        <v>22.400000000000002</v>
      </c>
      <c r="K95" s="4">
        <v>14</v>
      </c>
      <c r="L95" s="4">
        <v>19.599999999999998</v>
      </c>
      <c r="M95" s="4">
        <v>16.8</v>
      </c>
      <c r="N95" s="4">
        <v>0</v>
      </c>
      <c r="O95" s="4">
        <v>25.2</v>
      </c>
      <c r="P95" s="4">
        <v>20.8</v>
      </c>
      <c r="Q95" s="4">
        <v>14</v>
      </c>
      <c r="R95" s="4">
        <v>0</v>
      </c>
      <c r="S95" s="4">
        <v>16.8</v>
      </c>
      <c r="T95" s="4">
        <v>19.599999999999998</v>
      </c>
      <c r="U95" s="4">
        <v>14</v>
      </c>
      <c r="V95" s="4">
        <v>25.2</v>
      </c>
      <c r="W95" s="4">
        <v>22.400000000000002</v>
      </c>
      <c r="X95" s="4">
        <v>16.64</v>
      </c>
      <c r="Y95" s="4">
        <v>0</v>
      </c>
      <c r="Z95" s="4">
        <v>30.800000000000004</v>
      </c>
      <c r="AA95" s="4">
        <v>22.400000000000002</v>
      </c>
      <c r="AB95" s="4">
        <v>22.400000000000002</v>
      </c>
      <c r="AC95" s="4">
        <v>30.800000000000004</v>
      </c>
      <c r="AD95" s="4">
        <v>0</v>
      </c>
      <c r="AE95" s="4">
        <v>0</v>
      </c>
      <c r="AF95" s="4">
        <v>25.2</v>
      </c>
      <c r="AG95" s="4">
        <v>0</v>
      </c>
      <c r="AH95" s="4">
        <v>22.400000000000002</v>
      </c>
      <c r="AI95" s="4">
        <v>0</v>
      </c>
      <c r="AJ95" s="4">
        <v>36.4</v>
      </c>
      <c r="AK95" s="4">
        <v>0</v>
      </c>
      <c r="AL95" s="4">
        <v>0</v>
      </c>
      <c r="AM95" s="4">
        <v>0</v>
      </c>
      <c r="AN95" s="4">
        <v>25.2</v>
      </c>
      <c r="AO95" s="4">
        <v>0</v>
      </c>
      <c r="AP95" s="4">
        <v>0</v>
      </c>
      <c r="AQ95" s="4">
        <v>30.800000000000004</v>
      </c>
      <c r="AR95" s="4">
        <v>0</v>
      </c>
      <c r="AS95" s="4">
        <v>36.4</v>
      </c>
      <c r="AT95" s="4">
        <v>5.5999999999999988</v>
      </c>
      <c r="AU95" s="4">
        <v>19.599999999999998</v>
      </c>
      <c r="AV95" s="4">
        <v>0</v>
      </c>
      <c r="AW95" s="4">
        <v>2.7999999999999994</v>
      </c>
      <c r="AX95" s="4">
        <v>22.400000000000002</v>
      </c>
    </row>
    <row r="96" spans="1:50">
      <c r="A96">
        <v>12</v>
      </c>
      <c r="B96" t="s">
        <v>155</v>
      </c>
      <c r="C96" t="s">
        <v>156</v>
      </c>
      <c r="D96" t="s">
        <v>157</v>
      </c>
      <c r="E96">
        <v>8</v>
      </c>
      <c r="F96">
        <v>29</v>
      </c>
      <c r="G96" s="1">
        <v>2.9000000000000004</v>
      </c>
      <c r="H96" s="4">
        <v>17.399999999999999</v>
      </c>
      <c r="I96" s="4">
        <v>0</v>
      </c>
      <c r="J96" s="4">
        <v>0</v>
      </c>
      <c r="K96" s="4">
        <v>17.399999999999999</v>
      </c>
      <c r="L96" s="4">
        <v>23.200000000000003</v>
      </c>
      <c r="M96" s="4">
        <v>20.299999999999997</v>
      </c>
      <c r="N96" s="4">
        <v>29</v>
      </c>
      <c r="O96" s="4">
        <v>0</v>
      </c>
      <c r="P96" s="4">
        <v>0</v>
      </c>
      <c r="Q96" s="4">
        <v>17.399999999999999</v>
      </c>
      <c r="R96" s="4">
        <v>0</v>
      </c>
      <c r="S96" s="4">
        <v>20.299999999999997</v>
      </c>
      <c r="T96" s="4">
        <v>0</v>
      </c>
      <c r="U96" s="4">
        <v>17.399999999999999</v>
      </c>
      <c r="V96" s="4">
        <v>0</v>
      </c>
      <c r="W96" s="4">
        <v>26.1</v>
      </c>
      <c r="X96" s="4">
        <v>0</v>
      </c>
      <c r="Y96" s="4">
        <v>0</v>
      </c>
      <c r="Z96" s="4">
        <v>34.799999999999997</v>
      </c>
      <c r="AA96" s="4">
        <v>26.1</v>
      </c>
      <c r="AB96" s="4">
        <v>26.1</v>
      </c>
      <c r="AC96" s="4">
        <v>0</v>
      </c>
      <c r="AD96" s="4">
        <v>0</v>
      </c>
      <c r="AE96" s="4">
        <v>0</v>
      </c>
      <c r="AF96" s="4">
        <v>0</v>
      </c>
      <c r="AG96" s="4">
        <v>0</v>
      </c>
      <c r="AH96" s="4">
        <v>0</v>
      </c>
      <c r="AI96" s="4">
        <v>0</v>
      </c>
      <c r="AJ96" s="4">
        <v>0</v>
      </c>
      <c r="AK96" s="4">
        <v>0</v>
      </c>
      <c r="AL96" s="4">
        <v>0</v>
      </c>
      <c r="AM96" s="4">
        <v>0</v>
      </c>
      <c r="AN96" s="4">
        <v>29</v>
      </c>
      <c r="AO96" s="4">
        <v>0</v>
      </c>
      <c r="AP96" s="4">
        <v>0</v>
      </c>
      <c r="AQ96" s="4">
        <v>34.799999999999997</v>
      </c>
      <c r="AR96" s="4">
        <v>17.399999999999999</v>
      </c>
      <c r="AS96" s="4">
        <v>0</v>
      </c>
      <c r="AT96" s="4">
        <v>8.7000000000000011</v>
      </c>
      <c r="AU96" s="4">
        <v>23.200000000000003</v>
      </c>
      <c r="AV96" s="4">
        <v>0</v>
      </c>
      <c r="AW96" s="4">
        <v>5.7999999999999989</v>
      </c>
      <c r="AX96" s="4">
        <v>26.1</v>
      </c>
    </row>
    <row r="97" spans="1:50">
      <c r="A97">
        <v>12</v>
      </c>
      <c r="B97" t="s">
        <v>130</v>
      </c>
      <c r="C97" t="s">
        <v>158</v>
      </c>
      <c r="D97" t="s">
        <v>157</v>
      </c>
      <c r="E97">
        <v>5</v>
      </c>
      <c r="F97">
        <v>29</v>
      </c>
      <c r="G97" s="1">
        <v>4.6400000000000006</v>
      </c>
      <c r="H97" s="4">
        <v>17.399999999999999</v>
      </c>
      <c r="I97" s="4">
        <v>34.799999999999997</v>
      </c>
      <c r="J97" s="4">
        <v>26.1</v>
      </c>
      <c r="K97" s="4">
        <v>17.399999999999999</v>
      </c>
      <c r="L97" s="4">
        <v>0</v>
      </c>
      <c r="M97" s="4">
        <v>20.299999999999997</v>
      </c>
      <c r="N97" s="4">
        <v>29</v>
      </c>
      <c r="O97" s="4">
        <v>29</v>
      </c>
      <c r="P97" s="4">
        <v>0</v>
      </c>
      <c r="Q97" s="4">
        <v>17.399999999999999</v>
      </c>
      <c r="R97" s="4">
        <v>25.984000000000002</v>
      </c>
      <c r="S97" s="4">
        <v>20.299999999999997</v>
      </c>
      <c r="T97" s="4">
        <v>23.200000000000003</v>
      </c>
      <c r="U97" s="4">
        <v>17.399999999999999</v>
      </c>
      <c r="V97" s="4">
        <v>29</v>
      </c>
      <c r="W97" s="4">
        <v>26.1</v>
      </c>
      <c r="X97" s="4">
        <v>0</v>
      </c>
      <c r="Y97" s="4">
        <v>34.799999999999997</v>
      </c>
      <c r="Z97" s="4">
        <v>34.799999999999997</v>
      </c>
      <c r="AA97" s="4">
        <v>26.1</v>
      </c>
      <c r="AB97" s="4">
        <v>26.1</v>
      </c>
      <c r="AC97" s="4">
        <v>34.799999999999997</v>
      </c>
      <c r="AD97" s="4">
        <v>0</v>
      </c>
      <c r="AE97" s="4">
        <v>0</v>
      </c>
      <c r="AF97" s="4">
        <v>29</v>
      </c>
      <c r="AG97" s="4">
        <v>0</v>
      </c>
      <c r="AH97" s="4">
        <v>0</v>
      </c>
      <c r="AI97" s="4">
        <v>29</v>
      </c>
      <c r="AJ97" s="4">
        <v>40.599999999999994</v>
      </c>
      <c r="AK97" s="4">
        <v>0</v>
      </c>
      <c r="AL97" s="4">
        <v>22.272000000000002</v>
      </c>
      <c r="AM97" s="4">
        <v>0</v>
      </c>
      <c r="AN97" s="4">
        <v>29</v>
      </c>
      <c r="AO97" s="4">
        <v>20.299999999999997</v>
      </c>
      <c r="AP97" s="4">
        <v>29</v>
      </c>
      <c r="AQ97" s="4">
        <v>34.799999999999997</v>
      </c>
      <c r="AR97" s="4">
        <v>0</v>
      </c>
      <c r="AS97" s="4">
        <v>0</v>
      </c>
      <c r="AT97" s="4">
        <v>8.7000000000000011</v>
      </c>
      <c r="AU97" s="4">
        <v>23.200000000000003</v>
      </c>
      <c r="AV97" s="4">
        <v>0</v>
      </c>
      <c r="AW97" s="4">
        <v>5.7999999999999989</v>
      </c>
      <c r="AX97" s="4">
        <v>26.1</v>
      </c>
    </row>
    <row r="98" spans="1:50">
      <c r="A98">
        <v>12</v>
      </c>
      <c r="B98" t="s">
        <v>128</v>
      </c>
      <c r="C98" t="s">
        <v>159</v>
      </c>
      <c r="D98" t="s">
        <v>157</v>
      </c>
      <c r="E98">
        <v>6</v>
      </c>
      <c r="F98">
        <v>29</v>
      </c>
      <c r="G98" s="1">
        <v>3.8666666666666671</v>
      </c>
      <c r="H98" s="4">
        <v>17.399999999999999</v>
      </c>
      <c r="I98" s="4">
        <v>0</v>
      </c>
      <c r="J98" s="4">
        <v>26.1</v>
      </c>
      <c r="K98" s="4">
        <v>17.399999999999999</v>
      </c>
      <c r="L98" s="4">
        <v>23.200000000000003</v>
      </c>
      <c r="M98" s="4">
        <v>20.299999999999997</v>
      </c>
      <c r="N98" s="4">
        <v>0</v>
      </c>
      <c r="O98" s="4">
        <v>29</v>
      </c>
      <c r="P98" s="4">
        <v>40.599999999999994</v>
      </c>
      <c r="Q98" s="4">
        <v>17.399999999999999</v>
      </c>
      <c r="R98" s="4">
        <v>40.599999999999994</v>
      </c>
      <c r="S98" s="4">
        <v>20.299999999999997</v>
      </c>
      <c r="T98" s="4">
        <v>23.200000000000003</v>
      </c>
      <c r="U98" s="4">
        <v>17.399999999999999</v>
      </c>
      <c r="V98" s="4">
        <v>0</v>
      </c>
      <c r="W98" s="4">
        <v>26.1</v>
      </c>
      <c r="X98" s="4">
        <v>40.599999999999994</v>
      </c>
      <c r="Y98" s="4">
        <v>0</v>
      </c>
      <c r="Z98" s="4">
        <v>34.799999999999997</v>
      </c>
      <c r="AA98" s="4">
        <v>26.1</v>
      </c>
      <c r="AB98" s="4">
        <v>26.1</v>
      </c>
      <c r="AC98" s="4">
        <v>34.799999999999997</v>
      </c>
      <c r="AD98" s="4">
        <v>0</v>
      </c>
      <c r="AE98" s="4">
        <v>0</v>
      </c>
      <c r="AF98" s="4">
        <v>29</v>
      </c>
      <c r="AG98" s="4">
        <v>0</v>
      </c>
      <c r="AH98" s="4">
        <v>26.1</v>
      </c>
      <c r="AI98" s="4">
        <v>0</v>
      </c>
      <c r="AJ98" s="4">
        <v>40.599999999999994</v>
      </c>
      <c r="AK98" s="4">
        <v>0</v>
      </c>
      <c r="AL98" s="4">
        <v>34.799999999999997</v>
      </c>
      <c r="AM98" s="4">
        <v>0</v>
      </c>
      <c r="AN98" s="4">
        <v>29</v>
      </c>
      <c r="AO98" s="4">
        <v>0</v>
      </c>
      <c r="AP98" s="4">
        <v>0</v>
      </c>
      <c r="AQ98" s="4">
        <v>34.799999999999997</v>
      </c>
      <c r="AR98" s="4">
        <v>0</v>
      </c>
      <c r="AS98" s="4">
        <v>40.599999999999994</v>
      </c>
      <c r="AT98" s="4">
        <v>8.7000000000000011</v>
      </c>
      <c r="AU98" s="4">
        <v>23.200000000000003</v>
      </c>
      <c r="AV98" s="4">
        <v>0</v>
      </c>
      <c r="AW98" s="4">
        <v>5.7999999999999989</v>
      </c>
      <c r="AX98" s="4">
        <v>26.1</v>
      </c>
    </row>
    <row r="99" spans="1:50">
      <c r="A99">
        <v>12</v>
      </c>
      <c r="B99" t="s">
        <v>132</v>
      </c>
      <c r="C99" t="s">
        <v>160</v>
      </c>
      <c r="D99" t="s">
        <v>157</v>
      </c>
      <c r="E99">
        <v>5</v>
      </c>
      <c r="F99">
        <v>29</v>
      </c>
      <c r="G99" s="1">
        <v>4.6400000000000006</v>
      </c>
      <c r="H99" s="4">
        <v>17.399999999999999</v>
      </c>
      <c r="I99" s="4">
        <v>34.799999999999997</v>
      </c>
      <c r="J99" s="4">
        <v>0</v>
      </c>
      <c r="K99" s="4">
        <v>17.399999999999999</v>
      </c>
      <c r="L99" s="4">
        <v>23.200000000000003</v>
      </c>
      <c r="M99" s="4">
        <v>20.299999999999997</v>
      </c>
      <c r="N99" s="4">
        <v>0</v>
      </c>
      <c r="O99" s="4">
        <v>29</v>
      </c>
      <c r="P99" s="4">
        <v>40.599999999999994</v>
      </c>
      <c r="Q99" s="4">
        <v>17.399999999999999</v>
      </c>
      <c r="R99" s="4">
        <v>40.599999999999994</v>
      </c>
      <c r="S99" s="4">
        <v>20.299999999999997</v>
      </c>
      <c r="T99" s="4">
        <v>23.200000000000003</v>
      </c>
      <c r="U99" s="4">
        <v>17.399999999999999</v>
      </c>
      <c r="V99" s="4">
        <v>29</v>
      </c>
      <c r="W99" s="4">
        <v>26.1</v>
      </c>
      <c r="X99" s="4">
        <v>25.984000000000002</v>
      </c>
      <c r="Y99" s="4">
        <v>34.799999999999997</v>
      </c>
      <c r="Z99" s="4">
        <v>34.799999999999997</v>
      </c>
      <c r="AA99" s="4">
        <v>26.1</v>
      </c>
      <c r="AB99" s="4">
        <v>26.1</v>
      </c>
      <c r="AC99" s="4">
        <v>34.799999999999997</v>
      </c>
      <c r="AD99" s="4">
        <v>0</v>
      </c>
      <c r="AE99" s="4">
        <v>0</v>
      </c>
      <c r="AF99" s="4">
        <v>0</v>
      </c>
      <c r="AG99" s="4">
        <v>0</v>
      </c>
      <c r="AH99" s="4">
        <v>26.1</v>
      </c>
      <c r="AI99" s="4">
        <v>29</v>
      </c>
      <c r="AJ99" s="4">
        <v>40.599999999999994</v>
      </c>
      <c r="AK99" s="4">
        <v>0</v>
      </c>
      <c r="AL99" s="4">
        <v>0</v>
      </c>
      <c r="AM99" s="4">
        <v>0</v>
      </c>
      <c r="AN99" s="4">
        <v>29</v>
      </c>
      <c r="AO99" s="4">
        <v>20.299999999999997</v>
      </c>
      <c r="AP99" s="4">
        <v>29</v>
      </c>
      <c r="AQ99" s="4">
        <v>0</v>
      </c>
      <c r="AR99" s="4">
        <v>0</v>
      </c>
      <c r="AS99" s="4">
        <v>0</v>
      </c>
      <c r="AT99" s="4">
        <v>8.7000000000000011</v>
      </c>
      <c r="AU99" s="4">
        <v>23.200000000000003</v>
      </c>
      <c r="AV99" s="4">
        <v>0</v>
      </c>
      <c r="AW99" s="4">
        <v>5.7999999999999989</v>
      </c>
      <c r="AX99" s="4">
        <v>0</v>
      </c>
    </row>
    <row r="100" spans="1:50">
      <c r="A100">
        <v>13</v>
      </c>
      <c r="B100" t="s">
        <v>145</v>
      </c>
      <c r="C100" t="s">
        <v>161</v>
      </c>
      <c r="D100" t="s">
        <v>100</v>
      </c>
      <c r="E100">
        <v>7</v>
      </c>
      <c r="F100">
        <v>30</v>
      </c>
      <c r="G100" s="1">
        <v>3.4285714285714284</v>
      </c>
      <c r="H100" s="4">
        <v>21</v>
      </c>
      <c r="I100" s="4">
        <v>0</v>
      </c>
      <c r="J100" s="4">
        <v>17.142857142857142</v>
      </c>
      <c r="K100" s="4">
        <v>21</v>
      </c>
      <c r="L100" s="4">
        <v>0</v>
      </c>
      <c r="M100" s="4">
        <v>0</v>
      </c>
      <c r="N100" s="4">
        <v>0</v>
      </c>
      <c r="O100" s="4">
        <v>0</v>
      </c>
      <c r="P100" s="4">
        <v>0</v>
      </c>
      <c r="Q100" s="4">
        <v>0</v>
      </c>
      <c r="R100" s="4">
        <v>0</v>
      </c>
      <c r="S100" s="4">
        <v>24</v>
      </c>
      <c r="T100" s="4">
        <v>12.342857142857142</v>
      </c>
      <c r="U100" s="4">
        <v>21</v>
      </c>
      <c r="V100" s="4">
        <v>0</v>
      </c>
      <c r="W100" s="4">
        <v>17.142857142857142</v>
      </c>
      <c r="X100" s="4">
        <v>0</v>
      </c>
      <c r="Y100" s="4">
        <v>0</v>
      </c>
      <c r="Z100" s="4">
        <v>0</v>
      </c>
      <c r="AA100" s="4">
        <v>0</v>
      </c>
      <c r="AB100" s="4">
        <v>0</v>
      </c>
      <c r="AC100" s="4">
        <v>39</v>
      </c>
      <c r="AD100" s="4">
        <v>0</v>
      </c>
      <c r="AE100" s="4">
        <v>0</v>
      </c>
      <c r="AF100" s="4">
        <v>15.085714285714285</v>
      </c>
      <c r="AG100" s="4">
        <v>0</v>
      </c>
      <c r="AH100" s="4">
        <v>0</v>
      </c>
      <c r="AI100" s="4">
        <v>0</v>
      </c>
      <c r="AJ100" s="4">
        <v>15.428571428571427</v>
      </c>
      <c r="AK100" s="4">
        <v>0</v>
      </c>
      <c r="AL100" s="4">
        <v>0</v>
      </c>
      <c r="AM100" s="4">
        <v>0</v>
      </c>
      <c r="AN100" s="4">
        <v>0</v>
      </c>
      <c r="AO100" s="4">
        <v>24</v>
      </c>
      <c r="AP100" s="4">
        <v>0</v>
      </c>
      <c r="AQ100" s="4">
        <v>0</v>
      </c>
      <c r="AR100" s="4">
        <v>0</v>
      </c>
      <c r="AS100" s="4">
        <v>0</v>
      </c>
      <c r="AT100" s="4">
        <v>12</v>
      </c>
      <c r="AU100" s="4">
        <v>27</v>
      </c>
      <c r="AV100" s="4">
        <v>0</v>
      </c>
      <c r="AW100" s="4">
        <v>9.0000000000000018</v>
      </c>
      <c r="AX100" s="4">
        <v>0</v>
      </c>
    </row>
    <row r="101" spans="1:50">
      <c r="A101">
        <v>13</v>
      </c>
      <c r="B101" t="s">
        <v>123</v>
      </c>
      <c r="C101" t="s">
        <v>162</v>
      </c>
      <c r="D101" t="s">
        <v>100</v>
      </c>
      <c r="E101">
        <v>5</v>
      </c>
      <c r="F101">
        <v>30</v>
      </c>
      <c r="G101" s="1">
        <v>4.8</v>
      </c>
      <c r="H101" s="4">
        <v>21</v>
      </c>
      <c r="I101" s="4">
        <v>39</v>
      </c>
      <c r="J101" s="4">
        <v>30</v>
      </c>
      <c r="K101" s="4">
        <v>21</v>
      </c>
      <c r="L101" s="4">
        <v>27</v>
      </c>
      <c r="M101" s="4">
        <v>24</v>
      </c>
      <c r="N101" s="4">
        <v>0</v>
      </c>
      <c r="O101" s="4">
        <v>33</v>
      </c>
      <c r="P101" s="4">
        <v>45</v>
      </c>
      <c r="Q101" s="4">
        <v>21</v>
      </c>
      <c r="R101" s="4">
        <v>45</v>
      </c>
      <c r="S101" s="4">
        <v>24</v>
      </c>
      <c r="T101" s="4">
        <v>27</v>
      </c>
      <c r="U101" s="4">
        <v>21</v>
      </c>
      <c r="V101" s="4">
        <v>33</v>
      </c>
      <c r="W101" s="4">
        <v>30</v>
      </c>
      <c r="X101" s="4">
        <v>45</v>
      </c>
      <c r="Y101" s="4">
        <v>39</v>
      </c>
      <c r="Z101" s="4">
        <v>39</v>
      </c>
      <c r="AA101" s="4">
        <v>30</v>
      </c>
      <c r="AB101" s="4">
        <v>30</v>
      </c>
      <c r="AC101" s="4">
        <v>39</v>
      </c>
      <c r="AD101" s="4">
        <v>0</v>
      </c>
      <c r="AE101" s="4">
        <v>0</v>
      </c>
      <c r="AF101" s="4">
        <v>0</v>
      </c>
      <c r="AG101" s="4">
        <v>30</v>
      </c>
      <c r="AH101" s="4">
        <v>30</v>
      </c>
      <c r="AI101" s="4">
        <v>33</v>
      </c>
      <c r="AJ101" s="4">
        <v>45</v>
      </c>
      <c r="AK101" s="4">
        <v>0</v>
      </c>
      <c r="AL101" s="4">
        <v>0</v>
      </c>
      <c r="AM101" s="4">
        <v>0</v>
      </c>
      <c r="AN101" s="4">
        <v>33</v>
      </c>
      <c r="AO101" s="4">
        <v>24</v>
      </c>
      <c r="AP101" s="4">
        <v>33</v>
      </c>
      <c r="AQ101" s="4">
        <v>39</v>
      </c>
      <c r="AR101" s="4">
        <v>0</v>
      </c>
      <c r="AS101" s="4">
        <v>45</v>
      </c>
      <c r="AT101" s="4">
        <v>12</v>
      </c>
      <c r="AU101" s="4">
        <v>27</v>
      </c>
      <c r="AV101" s="4">
        <v>0</v>
      </c>
      <c r="AW101" s="4">
        <v>9.0000000000000018</v>
      </c>
      <c r="AX101" s="4">
        <v>30</v>
      </c>
    </row>
    <row r="102" spans="1:50">
      <c r="A102">
        <v>13</v>
      </c>
      <c r="B102" t="s">
        <v>152</v>
      </c>
      <c r="C102" t="s">
        <v>163</v>
      </c>
      <c r="D102" t="s">
        <v>100</v>
      </c>
      <c r="E102">
        <v>5</v>
      </c>
      <c r="F102">
        <v>30</v>
      </c>
      <c r="G102" s="1">
        <v>4.8</v>
      </c>
      <c r="H102" s="4">
        <v>21</v>
      </c>
      <c r="I102" s="4">
        <v>39</v>
      </c>
      <c r="J102" s="4">
        <v>30</v>
      </c>
      <c r="K102" s="4">
        <v>21</v>
      </c>
      <c r="L102" s="4">
        <v>27</v>
      </c>
      <c r="M102" s="4">
        <v>24</v>
      </c>
      <c r="N102" s="4">
        <v>33</v>
      </c>
      <c r="O102" s="4">
        <v>0</v>
      </c>
      <c r="P102" s="4">
        <v>45</v>
      </c>
      <c r="Q102" s="4">
        <v>21</v>
      </c>
      <c r="R102" s="4">
        <v>45</v>
      </c>
      <c r="S102" s="4">
        <v>24</v>
      </c>
      <c r="T102" s="4">
        <v>27</v>
      </c>
      <c r="U102" s="4">
        <v>21</v>
      </c>
      <c r="V102" s="4">
        <v>33</v>
      </c>
      <c r="W102" s="4">
        <v>30</v>
      </c>
      <c r="X102" s="4">
        <v>0</v>
      </c>
      <c r="Y102" s="4">
        <v>18.72</v>
      </c>
      <c r="Z102" s="4">
        <v>39</v>
      </c>
      <c r="AA102" s="4">
        <v>30</v>
      </c>
      <c r="AB102" s="4">
        <v>30</v>
      </c>
      <c r="AC102" s="4">
        <v>39</v>
      </c>
      <c r="AD102" s="4">
        <v>0</v>
      </c>
      <c r="AE102" s="4">
        <v>0</v>
      </c>
      <c r="AF102" s="4">
        <v>0</v>
      </c>
      <c r="AG102" s="4">
        <v>0</v>
      </c>
      <c r="AH102" s="4">
        <v>0</v>
      </c>
      <c r="AI102" s="4">
        <v>33</v>
      </c>
      <c r="AJ102" s="4">
        <v>45</v>
      </c>
      <c r="AK102" s="4">
        <v>0</v>
      </c>
      <c r="AL102" s="4">
        <v>0</v>
      </c>
      <c r="AM102" s="4">
        <v>0</v>
      </c>
      <c r="AN102" s="4">
        <v>33</v>
      </c>
      <c r="AO102" s="4">
        <v>0</v>
      </c>
      <c r="AP102" s="4">
        <v>33</v>
      </c>
      <c r="AQ102" s="4">
        <v>39</v>
      </c>
      <c r="AR102" s="4">
        <v>0</v>
      </c>
      <c r="AS102" s="4">
        <v>0</v>
      </c>
      <c r="AT102" s="4">
        <v>12</v>
      </c>
      <c r="AU102" s="4">
        <v>27</v>
      </c>
      <c r="AV102" s="4">
        <v>0</v>
      </c>
      <c r="AW102" s="4">
        <v>9.0000000000000018</v>
      </c>
      <c r="AX102" s="4">
        <v>0</v>
      </c>
    </row>
    <row r="103" spans="1:50">
      <c r="A103">
        <v>14</v>
      </c>
      <c r="B103" t="s">
        <v>155</v>
      </c>
      <c r="C103" t="s">
        <v>164</v>
      </c>
      <c r="D103" t="s">
        <v>97</v>
      </c>
      <c r="E103">
        <v>8</v>
      </c>
      <c r="F103">
        <v>31</v>
      </c>
      <c r="G103" s="1">
        <v>3.1</v>
      </c>
      <c r="H103" s="4">
        <v>24.8</v>
      </c>
      <c r="I103" s="4">
        <v>13.02</v>
      </c>
      <c r="J103" s="4">
        <v>34.1</v>
      </c>
      <c r="K103" s="4">
        <v>24.8</v>
      </c>
      <c r="L103" s="4">
        <v>31</v>
      </c>
      <c r="M103" s="4">
        <v>27.900000000000002</v>
      </c>
      <c r="N103" s="4">
        <v>37.199999999999996</v>
      </c>
      <c r="O103" s="4">
        <v>37.199999999999996</v>
      </c>
      <c r="P103" s="4">
        <v>9.9200000000000017</v>
      </c>
      <c r="Q103" s="4">
        <v>24.8</v>
      </c>
      <c r="R103" s="4">
        <v>14.880000000000003</v>
      </c>
      <c r="S103" s="4">
        <v>27.900000000000002</v>
      </c>
      <c r="T103" s="4">
        <v>0</v>
      </c>
      <c r="U103" s="4">
        <v>24.8</v>
      </c>
      <c r="V103" s="4">
        <v>37.199999999999996</v>
      </c>
      <c r="W103" s="4">
        <v>34.1</v>
      </c>
      <c r="X103" s="4">
        <v>0</v>
      </c>
      <c r="Y103" s="4">
        <v>0</v>
      </c>
      <c r="Z103" s="4">
        <v>43.4</v>
      </c>
      <c r="AA103" s="4">
        <v>0</v>
      </c>
      <c r="AB103" s="4">
        <v>34.1</v>
      </c>
      <c r="AC103" s="4">
        <v>0</v>
      </c>
      <c r="AD103" s="4">
        <v>0</v>
      </c>
      <c r="AE103" s="4">
        <v>0</v>
      </c>
      <c r="AF103" s="4">
        <v>37.199999999999996</v>
      </c>
      <c r="AG103" s="4">
        <v>0</v>
      </c>
      <c r="AH103" s="4">
        <v>0</v>
      </c>
      <c r="AI103" s="4">
        <v>0</v>
      </c>
      <c r="AJ103" s="4">
        <v>0</v>
      </c>
      <c r="AK103" s="4">
        <v>0</v>
      </c>
      <c r="AL103" s="4">
        <v>0</v>
      </c>
      <c r="AM103" s="4">
        <v>0</v>
      </c>
      <c r="AN103" s="4">
        <v>37.199999999999996</v>
      </c>
      <c r="AO103" s="4">
        <v>27.900000000000002</v>
      </c>
      <c r="AP103" s="4">
        <v>0</v>
      </c>
      <c r="AQ103" s="4">
        <v>43.4</v>
      </c>
      <c r="AR103" s="4">
        <v>0</v>
      </c>
      <c r="AS103" s="4">
        <v>0</v>
      </c>
      <c r="AT103" s="4">
        <v>15.5</v>
      </c>
      <c r="AU103" s="4">
        <v>31</v>
      </c>
      <c r="AV103" s="4">
        <v>0</v>
      </c>
      <c r="AW103" s="4">
        <v>12.4</v>
      </c>
      <c r="AX103" s="4">
        <v>34.1</v>
      </c>
    </row>
    <row r="104" spans="1:50">
      <c r="A104">
        <v>14</v>
      </c>
      <c r="B104" t="s">
        <v>165</v>
      </c>
      <c r="C104" t="s">
        <v>166</v>
      </c>
      <c r="D104" t="s">
        <v>97</v>
      </c>
      <c r="E104">
        <v>5</v>
      </c>
      <c r="F104">
        <v>31</v>
      </c>
      <c r="G104" s="1">
        <v>4.96</v>
      </c>
      <c r="H104" s="4">
        <v>24.8</v>
      </c>
      <c r="I104" s="4">
        <v>13.888</v>
      </c>
      <c r="J104" s="4">
        <v>21.824000000000002</v>
      </c>
      <c r="K104" s="4">
        <v>24.8</v>
      </c>
      <c r="L104" s="4">
        <v>31</v>
      </c>
      <c r="M104" s="4">
        <v>27.900000000000002</v>
      </c>
      <c r="N104" s="4">
        <v>0</v>
      </c>
      <c r="O104" s="4">
        <v>0</v>
      </c>
      <c r="P104" s="4">
        <v>0</v>
      </c>
      <c r="Q104" s="4">
        <v>24.8</v>
      </c>
      <c r="R104" s="4">
        <v>0</v>
      </c>
      <c r="S104" s="4">
        <v>27.900000000000002</v>
      </c>
      <c r="T104" s="4">
        <v>0</v>
      </c>
      <c r="U104" s="4">
        <v>24.8</v>
      </c>
      <c r="V104" s="4">
        <v>0</v>
      </c>
      <c r="W104" s="4">
        <v>0</v>
      </c>
      <c r="X104" s="4">
        <v>0</v>
      </c>
      <c r="Y104" s="4">
        <v>0</v>
      </c>
      <c r="Z104" s="4">
        <v>43.4</v>
      </c>
      <c r="AA104" s="4">
        <v>34.1</v>
      </c>
      <c r="AB104" s="4">
        <v>0</v>
      </c>
      <c r="AC104" s="4">
        <v>0</v>
      </c>
      <c r="AD104" s="4">
        <v>0</v>
      </c>
      <c r="AE104" s="4">
        <v>0</v>
      </c>
      <c r="AF104" s="4">
        <v>23.808</v>
      </c>
      <c r="AG104" s="4">
        <v>0</v>
      </c>
      <c r="AH104" s="4">
        <v>0</v>
      </c>
      <c r="AI104" s="4">
        <v>37.199999999999996</v>
      </c>
      <c r="AJ104" s="4">
        <v>0</v>
      </c>
      <c r="AK104" s="4">
        <v>0</v>
      </c>
      <c r="AL104" s="4">
        <v>0</v>
      </c>
      <c r="AM104" s="4">
        <v>0</v>
      </c>
      <c r="AN104" s="4">
        <v>23.808</v>
      </c>
      <c r="AO104" s="4">
        <v>0</v>
      </c>
      <c r="AP104" s="4">
        <v>37.199999999999996</v>
      </c>
      <c r="AQ104" s="4">
        <v>43.4</v>
      </c>
      <c r="AR104" s="4">
        <v>0</v>
      </c>
      <c r="AS104" s="4">
        <v>0</v>
      </c>
      <c r="AT104" s="4">
        <v>15.5</v>
      </c>
      <c r="AU104" s="4">
        <v>0</v>
      </c>
      <c r="AV104" s="4">
        <v>0</v>
      </c>
      <c r="AW104" s="4">
        <v>12.4</v>
      </c>
      <c r="AX104" s="4">
        <v>21.824000000000002</v>
      </c>
    </row>
    <row r="105" spans="1:50">
      <c r="A105">
        <v>14</v>
      </c>
      <c r="B105" t="s">
        <v>165</v>
      </c>
      <c r="C105" t="s">
        <v>167</v>
      </c>
      <c r="D105" t="s">
        <v>97</v>
      </c>
      <c r="E105">
        <v>9</v>
      </c>
      <c r="F105">
        <v>31</v>
      </c>
      <c r="G105" s="1">
        <v>2.7555555555555555</v>
      </c>
      <c r="H105" s="4">
        <v>24.8</v>
      </c>
      <c r="I105" s="4">
        <v>23.146666666666661</v>
      </c>
      <c r="J105" s="4">
        <v>27.280000000000005</v>
      </c>
      <c r="K105" s="4">
        <v>24.8</v>
      </c>
      <c r="L105" s="4">
        <v>0</v>
      </c>
      <c r="M105" s="4">
        <v>27.900000000000002</v>
      </c>
      <c r="N105" s="4">
        <v>37.199999999999996</v>
      </c>
      <c r="O105" s="4">
        <v>0</v>
      </c>
      <c r="P105" s="4">
        <v>26.453333333333333</v>
      </c>
      <c r="Q105" s="4">
        <v>24.8</v>
      </c>
      <c r="R105" s="4">
        <v>26.453333333333333</v>
      </c>
      <c r="S105" s="4">
        <v>27.900000000000002</v>
      </c>
      <c r="T105" s="4">
        <v>0</v>
      </c>
      <c r="U105" s="4">
        <v>24.8</v>
      </c>
      <c r="V105" s="4">
        <v>0</v>
      </c>
      <c r="W105" s="4">
        <v>0</v>
      </c>
      <c r="X105" s="4">
        <v>13.226666666666667</v>
      </c>
      <c r="Y105" s="4">
        <v>11.573333333333331</v>
      </c>
      <c r="Z105" s="4">
        <v>43.4</v>
      </c>
      <c r="AA105" s="4">
        <v>34.1</v>
      </c>
      <c r="AB105" s="4">
        <v>27.280000000000005</v>
      </c>
      <c r="AC105" s="4">
        <v>0</v>
      </c>
      <c r="AD105" s="4">
        <v>0</v>
      </c>
      <c r="AE105" s="4">
        <v>29.759999999999998</v>
      </c>
      <c r="AF105" s="4">
        <v>37.199999999999996</v>
      </c>
      <c r="AG105" s="4">
        <v>0</v>
      </c>
      <c r="AH105" s="4">
        <v>0</v>
      </c>
      <c r="AI105" s="4">
        <v>37.199999999999996</v>
      </c>
      <c r="AJ105" s="4">
        <v>26.453333333333333</v>
      </c>
      <c r="AK105" s="4">
        <v>0</v>
      </c>
      <c r="AL105" s="4">
        <v>0</v>
      </c>
      <c r="AM105" s="4">
        <v>0</v>
      </c>
      <c r="AN105" s="4">
        <v>19.839999999999996</v>
      </c>
      <c r="AO105" s="4">
        <v>0</v>
      </c>
      <c r="AP105" s="4">
        <v>37.199999999999996</v>
      </c>
      <c r="AQ105" s="4">
        <v>27.004444444444442</v>
      </c>
      <c r="AR105" s="4">
        <v>0</v>
      </c>
      <c r="AS105" s="4">
        <v>0</v>
      </c>
      <c r="AT105" s="4">
        <v>15.5</v>
      </c>
      <c r="AU105" s="4">
        <v>31</v>
      </c>
      <c r="AV105" s="4">
        <v>0</v>
      </c>
      <c r="AW105" s="4">
        <v>12.4</v>
      </c>
      <c r="AX105" s="4">
        <v>34.1</v>
      </c>
    </row>
    <row r="106" spans="1:50">
      <c r="A106">
        <v>14</v>
      </c>
      <c r="B106" t="s">
        <v>128</v>
      </c>
      <c r="C106" t="s">
        <v>168</v>
      </c>
      <c r="D106" t="s">
        <v>97</v>
      </c>
      <c r="E106">
        <v>6</v>
      </c>
      <c r="F106">
        <v>31</v>
      </c>
      <c r="G106" s="1">
        <v>4.1333333333333337</v>
      </c>
      <c r="H106" s="4">
        <v>13.226666666666668</v>
      </c>
      <c r="I106" s="4">
        <v>0</v>
      </c>
      <c r="J106" s="4">
        <v>18.186666666666671</v>
      </c>
      <c r="K106" s="4">
        <v>24.8</v>
      </c>
      <c r="L106" s="4">
        <v>0</v>
      </c>
      <c r="M106" s="4">
        <v>14.880000000000003</v>
      </c>
      <c r="N106" s="4">
        <v>0</v>
      </c>
      <c r="O106" s="4">
        <v>0</v>
      </c>
      <c r="P106" s="4">
        <v>0</v>
      </c>
      <c r="Q106" s="4">
        <v>0</v>
      </c>
      <c r="R106" s="4">
        <v>0</v>
      </c>
      <c r="S106" s="4">
        <v>0</v>
      </c>
      <c r="T106" s="4">
        <v>16.533333333333335</v>
      </c>
      <c r="U106" s="4">
        <v>19.840000000000003</v>
      </c>
      <c r="V106" s="4">
        <v>0</v>
      </c>
      <c r="W106" s="4">
        <v>0</v>
      </c>
      <c r="X106" s="4">
        <v>0</v>
      </c>
      <c r="Y106" s="4">
        <v>0</v>
      </c>
      <c r="Z106" s="4">
        <v>0</v>
      </c>
      <c r="AA106" s="4">
        <v>0</v>
      </c>
      <c r="AB106" s="4">
        <v>9.0933333333333355</v>
      </c>
      <c r="AC106" s="4">
        <v>0</v>
      </c>
      <c r="AD106" s="4">
        <v>0</v>
      </c>
      <c r="AE106" s="4">
        <v>0</v>
      </c>
      <c r="AF106" s="4">
        <v>19.84</v>
      </c>
      <c r="AG106" s="4">
        <v>0</v>
      </c>
      <c r="AH106" s="4">
        <v>0</v>
      </c>
      <c r="AI106" s="4">
        <v>0</v>
      </c>
      <c r="AJ106" s="4">
        <v>0</v>
      </c>
      <c r="AK106" s="4">
        <v>0</v>
      </c>
      <c r="AL106" s="4">
        <v>0</v>
      </c>
      <c r="AM106" s="4">
        <v>0</v>
      </c>
      <c r="AN106" s="4">
        <v>9.92</v>
      </c>
      <c r="AO106" s="4">
        <v>0</v>
      </c>
      <c r="AP106" s="4">
        <v>0</v>
      </c>
      <c r="AQ106" s="4">
        <v>0</v>
      </c>
      <c r="AR106" s="4">
        <v>24.8</v>
      </c>
      <c r="AS106" s="4">
        <v>13.226666666666668</v>
      </c>
      <c r="AT106" s="4">
        <v>15.5</v>
      </c>
      <c r="AU106" s="4">
        <v>24.800000000000004</v>
      </c>
      <c r="AV106" s="4">
        <v>0</v>
      </c>
      <c r="AW106" s="4">
        <v>12.4</v>
      </c>
      <c r="AX106" s="4">
        <v>18.186666666666671</v>
      </c>
    </row>
    <row r="107" spans="1:50">
      <c r="A107">
        <v>15</v>
      </c>
      <c r="B107" t="s">
        <v>155</v>
      </c>
      <c r="C107" t="s">
        <v>169</v>
      </c>
      <c r="D107" t="s">
        <v>98</v>
      </c>
      <c r="E107">
        <v>8</v>
      </c>
      <c r="F107">
        <v>32</v>
      </c>
      <c r="G107" s="1">
        <v>3.2</v>
      </c>
      <c r="H107" s="4">
        <v>14.4</v>
      </c>
      <c r="I107" s="4">
        <v>0</v>
      </c>
      <c r="J107" s="4">
        <v>0</v>
      </c>
      <c r="K107" s="4">
        <v>28.8</v>
      </c>
      <c r="L107" s="4">
        <v>0</v>
      </c>
      <c r="M107" s="4">
        <v>0</v>
      </c>
      <c r="N107" s="4">
        <v>0</v>
      </c>
      <c r="O107" s="4">
        <v>0</v>
      </c>
      <c r="P107" s="4">
        <v>0</v>
      </c>
      <c r="Q107" s="4">
        <v>0</v>
      </c>
      <c r="R107" s="4">
        <v>0</v>
      </c>
      <c r="S107" s="4">
        <v>32</v>
      </c>
      <c r="T107" s="4">
        <v>0</v>
      </c>
      <c r="U107" s="4">
        <v>28.8</v>
      </c>
      <c r="V107" s="4">
        <v>0</v>
      </c>
      <c r="W107" s="4">
        <v>0</v>
      </c>
      <c r="X107" s="4">
        <v>0</v>
      </c>
      <c r="Y107" s="4">
        <v>0</v>
      </c>
      <c r="Z107" s="4">
        <v>0</v>
      </c>
      <c r="AA107" s="4">
        <v>0</v>
      </c>
      <c r="AB107" s="4">
        <v>0</v>
      </c>
      <c r="AC107" s="4">
        <v>0</v>
      </c>
      <c r="AD107" s="4">
        <v>0</v>
      </c>
      <c r="AE107" s="4">
        <v>0</v>
      </c>
      <c r="AF107" s="4">
        <v>0</v>
      </c>
      <c r="AG107" s="4">
        <v>0</v>
      </c>
      <c r="AH107" s="4">
        <v>0</v>
      </c>
      <c r="AI107" s="4">
        <v>16.64</v>
      </c>
      <c r="AJ107" s="4">
        <v>0</v>
      </c>
      <c r="AK107" s="4">
        <v>0</v>
      </c>
      <c r="AL107" s="4">
        <v>0</v>
      </c>
      <c r="AM107" s="4">
        <v>0</v>
      </c>
      <c r="AN107" s="4">
        <v>0</v>
      </c>
      <c r="AO107" s="4">
        <v>0</v>
      </c>
      <c r="AP107" s="4">
        <v>24.960000000000004</v>
      </c>
      <c r="AQ107" s="4">
        <v>0</v>
      </c>
      <c r="AR107" s="4">
        <v>0</v>
      </c>
      <c r="AS107" s="4">
        <v>0</v>
      </c>
      <c r="AT107" s="4">
        <v>19.2</v>
      </c>
      <c r="AU107" s="4">
        <v>0</v>
      </c>
      <c r="AV107" s="4">
        <v>12.8</v>
      </c>
      <c r="AW107" s="4">
        <v>16</v>
      </c>
      <c r="AX107" s="4">
        <v>0</v>
      </c>
    </row>
    <row r="108" spans="1:50">
      <c r="A108">
        <v>15</v>
      </c>
      <c r="B108" t="s">
        <v>170</v>
      </c>
      <c r="C108" t="s">
        <v>171</v>
      </c>
      <c r="D108" t="s">
        <v>98</v>
      </c>
      <c r="E108">
        <v>10</v>
      </c>
      <c r="F108">
        <v>32</v>
      </c>
      <c r="G108" s="1">
        <v>2.56</v>
      </c>
      <c r="H108" s="4">
        <v>20.736000000000001</v>
      </c>
      <c r="I108" s="4">
        <v>11.52</v>
      </c>
      <c r="J108" s="4">
        <v>0</v>
      </c>
      <c r="K108" s="4">
        <v>28.8</v>
      </c>
      <c r="L108" s="4">
        <v>19.712000000000003</v>
      </c>
      <c r="M108" s="4">
        <v>0</v>
      </c>
      <c r="N108" s="4">
        <v>0</v>
      </c>
      <c r="O108" s="4">
        <v>0</v>
      </c>
      <c r="P108" s="4">
        <v>0</v>
      </c>
      <c r="Q108" s="4">
        <v>28.8</v>
      </c>
      <c r="R108" s="4">
        <v>0</v>
      </c>
      <c r="S108" s="4">
        <v>32</v>
      </c>
      <c r="T108" s="4">
        <v>0</v>
      </c>
      <c r="U108" s="4">
        <v>23.040000000000003</v>
      </c>
      <c r="V108" s="4">
        <v>0</v>
      </c>
      <c r="W108" s="4">
        <v>0</v>
      </c>
      <c r="X108" s="4">
        <v>0</v>
      </c>
      <c r="Y108" s="4">
        <v>0</v>
      </c>
      <c r="Z108" s="4">
        <v>34.56</v>
      </c>
      <c r="AA108" s="4">
        <v>24.576000000000001</v>
      </c>
      <c r="AB108" s="4">
        <v>0</v>
      </c>
      <c r="AC108" s="4">
        <v>0</v>
      </c>
      <c r="AD108" s="4">
        <v>0</v>
      </c>
      <c r="AE108" s="4">
        <v>0</v>
      </c>
      <c r="AF108" s="4">
        <v>0</v>
      </c>
      <c r="AG108" s="4">
        <v>30.72</v>
      </c>
      <c r="AH108" s="4">
        <v>0</v>
      </c>
      <c r="AI108" s="4">
        <v>0</v>
      </c>
      <c r="AJ108" s="4">
        <v>17.408000000000001</v>
      </c>
      <c r="AK108" s="4">
        <v>0</v>
      </c>
      <c r="AL108" s="4">
        <v>0</v>
      </c>
      <c r="AM108" s="4">
        <v>0</v>
      </c>
      <c r="AN108" s="4">
        <v>13.312000000000001</v>
      </c>
      <c r="AO108" s="4">
        <v>32</v>
      </c>
      <c r="AP108" s="4">
        <v>0</v>
      </c>
      <c r="AQ108" s="4">
        <v>30.72</v>
      </c>
      <c r="AR108" s="4">
        <v>0</v>
      </c>
      <c r="AS108" s="4">
        <v>39.167999999999999</v>
      </c>
      <c r="AT108" s="4">
        <v>19.2</v>
      </c>
      <c r="AU108" s="4">
        <v>35.200000000000003</v>
      </c>
      <c r="AV108" s="4">
        <v>12.8</v>
      </c>
      <c r="AW108" s="4">
        <v>16</v>
      </c>
      <c r="AX108" s="4">
        <v>38.4</v>
      </c>
    </row>
    <row r="109" spans="1:50">
      <c r="A109">
        <v>15</v>
      </c>
      <c r="B109" t="s">
        <v>148</v>
      </c>
      <c r="C109" t="s">
        <v>172</v>
      </c>
      <c r="D109" t="s">
        <v>98</v>
      </c>
      <c r="E109">
        <v>6</v>
      </c>
      <c r="F109">
        <v>32</v>
      </c>
      <c r="G109" s="1">
        <v>4.2666666666666666</v>
      </c>
      <c r="H109" s="4">
        <v>28.8</v>
      </c>
      <c r="I109" s="4">
        <v>0</v>
      </c>
      <c r="J109" s="4">
        <v>0</v>
      </c>
      <c r="K109" s="4">
        <v>0</v>
      </c>
      <c r="L109" s="4">
        <v>0</v>
      </c>
      <c r="M109" s="4">
        <v>0</v>
      </c>
      <c r="N109" s="4">
        <v>0</v>
      </c>
      <c r="O109" s="4">
        <v>0</v>
      </c>
      <c r="P109" s="4">
        <v>0</v>
      </c>
      <c r="Q109" s="4">
        <v>0</v>
      </c>
      <c r="R109" s="4">
        <v>0</v>
      </c>
      <c r="S109" s="4">
        <v>32</v>
      </c>
      <c r="T109" s="4">
        <v>0</v>
      </c>
      <c r="U109" s="4">
        <v>28.8</v>
      </c>
      <c r="V109" s="4">
        <v>0</v>
      </c>
      <c r="W109" s="4">
        <v>0</v>
      </c>
      <c r="X109" s="4">
        <v>0</v>
      </c>
      <c r="Y109" s="4">
        <v>0</v>
      </c>
      <c r="Z109" s="4">
        <v>0</v>
      </c>
      <c r="AA109" s="4">
        <v>0</v>
      </c>
      <c r="AB109" s="4">
        <v>10.24</v>
      </c>
      <c r="AC109" s="4">
        <v>0</v>
      </c>
      <c r="AD109" s="4">
        <v>0</v>
      </c>
      <c r="AE109" s="4">
        <v>0</v>
      </c>
      <c r="AF109" s="4">
        <v>0</v>
      </c>
      <c r="AG109" s="4">
        <v>0</v>
      </c>
      <c r="AH109" s="4">
        <v>0</v>
      </c>
      <c r="AI109" s="4">
        <v>27.733333333333334</v>
      </c>
      <c r="AJ109" s="4">
        <v>0</v>
      </c>
      <c r="AK109" s="4">
        <v>0</v>
      </c>
      <c r="AL109" s="4">
        <v>0</v>
      </c>
      <c r="AM109" s="4">
        <v>0</v>
      </c>
      <c r="AN109" s="4">
        <v>22.186666666666667</v>
      </c>
      <c r="AO109" s="4">
        <v>0</v>
      </c>
      <c r="AP109" s="4">
        <v>41.6</v>
      </c>
      <c r="AQ109" s="4">
        <v>0</v>
      </c>
      <c r="AR109" s="4">
        <v>0</v>
      </c>
      <c r="AS109" s="4">
        <v>0</v>
      </c>
      <c r="AT109" s="4">
        <v>0</v>
      </c>
      <c r="AU109" s="4">
        <v>35.200000000000003</v>
      </c>
      <c r="AV109" s="4">
        <v>12.8</v>
      </c>
      <c r="AW109" s="4">
        <v>16</v>
      </c>
      <c r="AX109" s="4">
        <v>0</v>
      </c>
    </row>
    <row r="110" spans="1:50">
      <c r="A110">
        <v>15</v>
      </c>
      <c r="B110" t="s">
        <v>138</v>
      </c>
      <c r="C110" t="s">
        <v>173</v>
      </c>
      <c r="D110" t="s">
        <v>98</v>
      </c>
      <c r="E110">
        <v>6</v>
      </c>
      <c r="F110">
        <v>32</v>
      </c>
      <c r="G110" s="1">
        <v>4.2666666666666666</v>
      </c>
      <c r="H110" s="4">
        <v>28.8</v>
      </c>
      <c r="I110" s="4">
        <v>0</v>
      </c>
      <c r="J110" s="4">
        <v>38.4</v>
      </c>
      <c r="K110" s="4">
        <v>28.8</v>
      </c>
      <c r="L110" s="4">
        <v>35.200000000000003</v>
      </c>
      <c r="M110" s="4">
        <v>32</v>
      </c>
      <c r="N110" s="4">
        <v>0</v>
      </c>
      <c r="O110" s="4">
        <v>0</v>
      </c>
      <c r="P110" s="4">
        <v>0</v>
      </c>
      <c r="Q110" s="4">
        <v>28.8</v>
      </c>
      <c r="R110" s="4">
        <v>0</v>
      </c>
      <c r="S110" s="4">
        <v>32</v>
      </c>
      <c r="T110" s="4">
        <v>0</v>
      </c>
      <c r="U110" s="4">
        <v>28.8</v>
      </c>
      <c r="V110" s="4">
        <v>41.6</v>
      </c>
      <c r="W110" s="4">
        <v>38.4</v>
      </c>
      <c r="X110" s="4">
        <v>0</v>
      </c>
      <c r="Y110" s="4">
        <v>0</v>
      </c>
      <c r="Z110" s="4">
        <v>0</v>
      </c>
      <c r="AA110" s="4">
        <v>0</v>
      </c>
      <c r="AB110" s="4">
        <v>38.4</v>
      </c>
      <c r="AC110" s="4">
        <v>48</v>
      </c>
      <c r="AD110" s="4">
        <v>0</v>
      </c>
      <c r="AE110" s="4">
        <v>0</v>
      </c>
      <c r="AF110" s="4">
        <v>27.733333333333334</v>
      </c>
      <c r="AG110" s="4">
        <v>0</v>
      </c>
      <c r="AH110" s="4">
        <v>0</v>
      </c>
      <c r="AI110" s="4">
        <v>41.6</v>
      </c>
      <c r="AJ110" s="4">
        <v>29.013333333333332</v>
      </c>
      <c r="AK110" s="4">
        <v>0</v>
      </c>
      <c r="AL110" s="4">
        <v>0</v>
      </c>
      <c r="AM110" s="4">
        <v>0</v>
      </c>
      <c r="AN110" s="4">
        <v>33.28</v>
      </c>
      <c r="AO110" s="4">
        <v>0</v>
      </c>
      <c r="AP110" s="4">
        <v>41.6</v>
      </c>
      <c r="AQ110" s="4">
        <v>0</v>
      </c>
      <c r="AR110" s="4">
        <v>0</v>
      </c>
      <c r="AS110" s="4">
        <v>0</v>
      </c>
      <c r="AT110" s="4">
        <v>19.2</v>
      </c>
      <c r="AU110" s="4">
        <v>35.200000000000003</v>
      </c>
      <c r="AV110" s="4">
        <v>0</v>
      </c>
      <c r="AW110" s="4">
        <v>16</v>
      </c>
      <c r="AX110" s="4">
        <v>38.4</v>
      </c>
    </row>
    <row r="111" spans="1:50">
      <c r="A111">
        <v>15</v>
      </c>
      <c r="B111" t="s">
        <v>174</v>
      </c>
      <c r="C111" t="s">
        <v>175</v>
      </c>
      <c r="D111" t="s">
        <v>98</v>
      </c>
      <c r="E111">
        <v>6</v>
      </c>
      <c r="F111">
        <v>32</v>
      </c>
      <c r="G111" s="1">
        <v>4.2666666666666666</v>
      </c>
      <c r="H111" s="4">
        <v>28.8</v>
      </c>
      <c r="I111" s="4">
        <v>19.200000000000003</v>
      </c>
      <c r="J111" s="4">
        <v>38.4</v>
      </c>
      <c r="K111" s="4">
        <v>28.8</v>
      </c>
      <c r="L111" s="4">
        <v>35.200000000000003</v>
      </c>
      <c r="M111" s="4">
        <v>32</v>
      </c>
      <c r="N111" s="4">
        <v>0</v>
      </c>
      <c r="O111" s="4">
        <v>27.733333333333334</v>
      </c>
      <c r="P111" s="4">
        <v>0</v>
      </c>
      <c r="Q111" s="4">
        <v>28.8</v>
      </c>
      <c r="R111" s="4">
        <v>29.013333333333332</v>
      </c>
      <c r="S111" s="4">
        <v>32</v>
      </c>
      <c r="T111" s="4">
        <v>18.773333333333333</v>
      </c>
      <c r="U111" s="4">
        <v>28.8</v>
      </c>
      <c r="V111" s="4">
        <v>41.6</v>
      </c>
      <c r="W111" s="4">
        <v>38.4</v>
      </c>
      <c r="X111" s="4">
        <v>21.76</v>
      </c>
      <c r="Y111" s="4">
        <v>0</v>
      </c>
      <c r="Z111" s="4">
        <v>48</v>
      </c>
      <c r="AA111" s="4">
        <v>38.4</v>
      </c>
      <c r="AB111" s="4">
        <v>38.4</v>
      </c>
      <c r="AC111" s="4">
        <v>48</v>
      </c>
      <c r="AD111" s="4">
        <v>0</v>
      </c>
      <c r="AE111" s="4">
        <v>0</v>
      </c>
      <c r="AF111" s="4">
        <v>41.6</v>
      </c>
      <c r="AG111" s="4">
        <v>38.4</v>
      </c>
      <c r="AH111" s="4">
        <v>0</v>
      </c>
      <c r="AI111" s="4">
        <v>41.6</v>
      </c>
      <c r="AJ111" s="4">
        <v>21.76</v>
      </c>
      <c r="AK111" s="4">
        <v>0</v>
      </c>
      <c r="AL111" s="4">
        <v>0</v>
      </c>
      <c r="AM111" s="4">
        <v>0</v>
      </c>
      <c r="AN111" s="4">
        <v>27.733333333333334</v>
      </c>
      <c r="AO111" s="4">
        <v>32</v>
      </c>
      <c r="AP111" s="4">
        <v>0</v>
      </c>
      <c r="AQ111" s="4">
        <v>0</v>
      </c>
      <c r="AR111" s="4">
        <v>28.8</v>
      </c>
      <c r="AS111" s="4">
        <v>0</v>
      </c>
      <c r="AT111" s="4">
        <v>19.2</v>
      </c>
      <c r="AU111" s="4">
        <v>35.200000000000003</v>
      </c>
      <c r="AV111" s="4">
        <v>0</v>
      </c>
      <c r="AW111" s="4">
        <v>16</v>
      </c>
      <c r="AX111" s="4">
        <v>0</v>
      </c>
    </row>
    <row r="112" spans="1:50">
      <c r="A112">
        <v>15</v>
      </c>
      <c r="B112" t="s">
        <v>128</v>
      </c>
      <c r="C112" t="s">
        <v>176</v>
      </c>
      <c r="D112" t="s">
        <v>98</v>
      </c>
      <c r="E112">
        <v>6</v>
      </c>
      <c r="F112">
        <v>32</v>
      </c>
      <c r="G112" s="1">
        <v>4.2666666666666666</v>
      </c>
      <c r="H112" s="4">
        <v>28.8</v>
      </c>
      <c r="I112" s="4">
        <v>0</v>
      </c>
      <c r="J112" s="4">
        <v>0</v>
      </c>
      <c r="K112" s="4">
        <v>28.8</v>
      </c>
      <c r="L112" s="4">
        <v>35.200000000000003</v>
      </c>
      <c r="M112" s="4">
        <v>32</v>
      </c>
      <c r="N112" s="4">
        <v>0</v>
      </c>
      <c r="O112" s="4">
        <v>41.6</v>
      </c>
      <c r="P112" s="4">
        <v>0</v>
      </c>
      <c r="Q112" s="4">
        <v>28.8</v>
      </c>
      <c r="R112" s="4">
        <v>0</v>
      </c>
      <c r="S112" s="4">
        <v>32</v>
      </c>
      <c r="T112" s="4">
        <v>14.080000000000002</v>
      </c>
      <c r="U112" s="4">
        <v>28.8</v>
      </c>
      <c r="V112" s="4">
        <v>0</v>
      </c>
      <c r="W112" s="4">
        <v>0</v>
      </c>
      <c r="X112" s="4">
        <v>0</v>
      </c>
      <c r="Y112" s="4">
        <v>0</v>
      </c>
      <c r="Z112" s="4">
        <v>48</v>
      </c>
      <c r="AA112" s="4">
        <v>38.4</v>
      </c>
      <c r="AB112" s="4">
        <v>30.72</v>
      </c>
      <c r="AC112" s="4">
        <v>0</v>
      </c>
      <c r="AD112" s="4">
        <v>0</v>
      </c>
      <c r="AE112" s="4">
        <v>0</v>
      </c>
      <c r="AF112" s="4">
        <v>0</v>
      </c>
      <c r="AG112" s="4">
        <v>0</v>
      </c>
      <c r="AH112" s="4">
        <v>10.24</v>
      </c>
      <c r="AI112" s="4">
        <v>0</v>
      </c>
      <c r="AJ112" s="4">
        <v>14.506666666666666</v>
      </c>
      <c r="AK112" s="4">
        <v>0</v>
      </c>
      <c r="AL112" s="4">
        <v>0</v>
      </c>
      <c r="AM112" s="4">
        <v>0</v>
      </c>
      <c r="AN112" s="4">
        <v>22.186666666666667</v>
      </c>
      <c r="AO112" s="4">
        <v>0</v>
      </c>
      <c r="AP112" s="4">
        <v>0</v>
      </c>
      <c r="AQ112" s="4">
        <v>12.8</v>
      </c>
      <c r="AR112" s="4">
        <v>28.8</v>
      </c>
      <c r="AS112" s="4">
        <v>0</v>
      </c>
      <c r="AT112" s="4">
        <v>0</v>
      </c>
      <c r="AU112" s="4">
        <v>35.200000000000003</v>
      </c>
      <c r="AV112" s="4">
        <v>0</v>
      </c>
      <c r="AW112" s="4">
        <v>16</v>
      </c>
      <c r="AX112" s="4">
        <v>38.4</v>
      </c>
    </row>
    <row r="113" spans="1:50">
      <c r="A113">
        <v>16</v>
      </c>
      <c r="B113" t="s">
        <v>145</v>
      </c>
      <c r="C113" t="s">
        <v>177</v>
      </c>
      <c r="D113" t="s">
        <v>99</v>
      </c>
      <c r="E113">
        <v>7</v>
      </c>
      <c r="F113">
        <v>33</v>
      </c>
      <c r="G113" s="1">
        <v>3.7714285714285718</v>
      </c>
      <c r="H113" s="4">
        <v>33</v>
      </c>
      <c r="I113" s="4">
        <v>18.102857142857143</v>
      </c>
      <c r="J113" s="4">
        <v>0</v>
      </c>
      <c r="K113" s="4">
        <v>33</v>
      </c>
      <c r="L113" s="4">
        <v>39.6</v>
      </c>
      <c r="M113" s="4">
        <v>24.891428571428573</v>
      </c>
      <c r="N113" s="4">
        <v>0</v>
      </c>
      <c r="O113" s="4">
        <v>0</v>
      </c>
      <c r="P113" s="4">
        <v>0</v>
      </c>
      <c r="Q113" s="4">
        <v>33</v>
      </c>
      <c r="R113" s="4">
        <v>0</v>
      </c>
      <c r="S113" s="4">
        <v>36.300000000000004</v>
      </c>
      <c r="T113" s="4">
        <v>0</v>
      </c>
      <c r="U113" s="4">
        <v>33</v>
      </c>
      <c r="V113" s="4">
        <v>0</v>
      </c>
      <c r="W113" s="4">
        <v>0</v>
      </c>
      <c r="X113" s="4">
        <v>0</v>
      </c>
      <c r="Y113" s="4">
        <v>12.068571428571431</v>
      </c>
      <c r="Z113" s="4">
        <v>0</v>
      </c>
      <c r="AA113" s="4">
        <v>0</v>
      </c>
      <c r="AB113" s="4">
        <v>0</v>
      </c>
      <c r="AC113" s="4">
        <v>52.800000000000004</v>
      </c>
      <c r="AD113" s="4">
        <v>0</v>
      </c>
      <c r="AE113" s="4">
        <v>0</v>
      </c>
      <c r="AF113" s="4">
        <v>31.68</v>
      </c>
      <c r="AG113" s="4">
        <v>42.9</v>
      </c>
      <c r="AH113" s="4">
        <v>0</v>
      </c>
      <c r="AI113" s="4">
        <v>46.199999999999996</v>
      </c>
      <c r="AJ113" s="4">
        <v>0</v>
      </c>
      <c r="AK113" s="4">
        <v>0</v>
      </c>
      <c r="AL113" s="4">
        <v>0</v>
      </c>
      <c r="AM113" s="4">
        <v>0</v>
      </c>
      <c r="AN113" s="4">
        <v>26.4</v>
      </c>
      <c r="AO113" s="4">
        <v>36.300000000000004</v>
      </c>
      <c r="AP113" s="4">
        <v>46.199999999999996</v>
      </c>
      <c r="AQ113" s="4">
        <v>0</v>
      </c>
      <c r="AR113" s="4">
        <v>0</v>
      </c>
      <c r="AS113" s="4">
        <v>0</v>
      </c>
      <c r="AT113" s="4">
        <v>23.099999999999998</v>
      </c>
      <c r="AU113" s="4">
        <v>39.6</v>
      </c>
      <c r="AV113" s="4">
        <v>0</v>
      </c>
      <c r="AW113" s="4">
        <v>19.8</v>
      </c>
      <c r="AX113" s="4">
        <v>0</v>
      </c>
    </row>
    <row r="114" spans="1:50">
      <c r="A114">
        <v>16</v>
      </c>
      <c r="B114" t="s">
        <v>145</v>
      </c>
      <c r="C114" t="s">
        <v>178</v>
      </c>
      <c r="D114" t="s">
        <v>99</v>
      </c>
      <c r="E114">
        <v>7</v>
      </c>
      <c r="F114">
        <v>33</v>
      </c>
      <c r="G114" s="1">
        <v>3.7714285714285718</v>
      </c>
      <c r="H114" s="4">
        <v>33</v>
      </c>
      <c r="I114" s="4">
        <v>18.102857142857143</v>
      </c>
      <c r="J114" s="4">
        <v>42.9</v>
      </c>
      <c r="K114" s="4">
        <v>33</v>
      </c>
      <c r="L114" s="4">
        <v>39.6</v>
      </c>
      <c r="M114" s="4">
        <v>36.300000000000004</v>
      </c>
      <c r="N114" s="4">
        <v>0</v>
      </c>
      <c r="O114" s="4">
        <v>46.199999999999996</v>
      </c>
      <c r="P114" s="4">
        <v>20.365714285714287</v>
      </c>
      <c r="Q114" s="4">
        <v>33</v>
      </c>
      <c r="R114" s="4">
        <v>33.942857142857143</v>
      </c>
      <c r="S114" s="4">
        <v>36.300000000000004</v>
      </c>
      <c r="T114" s="4">
        <v>0</v>
      </c>
      <c r="U114" s="4">
        <v>33</v>
      </c>
      <c r="V114" s="4">
        <v>26.4</v>
      </c>
      <c r="W114" s="4">
        <v>42.9</v>
      </c>
      <c r="X114" s="4">
        <v>13.577142857142858</v>
      </c>
      <c r="Y114" s="4">
        <v>18.102857142857143</v>
      </c>
      <c r="Z114" s="4">
        <v>52.800000000000004</v>
      </c>
      <c r="AA114" s="4">
        <v>42.9</v>
      </c>
      <c r="AB114" s="4">
        <v>42.9</v>
      </c>
      <c r="AC114" s="4">
        <v>52.800000000000004</v>
      </c>
      <c r="AD114" s="4">
        <v>0</v>
      </c>
      <c r="AE114" s="4">
        <v>0</v>
      </c>
      <c r="AF114" s="4">
        <v>46.199999999999996</v>
      </c>
      <c r="AG114" s="4">
        <v>42.9</v>
      </c>
      <c r="AH114" s="4">
        <v>0</v>
      </c>
      <c r="AI114" s="4">
        <v>46.199999999999996</v>
      </c>
      <c r="AJ114" s="4">
        <v>59.4</v>
      </c>
      <c r="AK114" s="4">
        <v>0</v>
      </c>
      <c r="AL114" s="4">
        <v>0</v>
      </c>
      <c r="AM114" s="4">
        <v>0</v>
      </c>
      <c r="AN114" s="4">
        <v>46.199999999999996</v>
      </c>
      <c r="AO114" s="4">
        <v>36.300000000000004</v>
      </c>
      <c r="AP114" s="4">
        <v>46.199999999999996</v>
      </c>
      <c r="AQ114" s="4">
        <v>52.800000000000004</v>
      </c>
      <c r="AR114" s="4">
        <v>0</v>
      </c>
      <c r="AS114" s="4">
        <v>59.4</v>
      </c>
      <c r="AT114" s="4">
        <v>23.099999999999998</v>
      </c>
      <c r="AU114" s="4">
        <v>39.6</v>
      </c>
      <c r="AV114" s="4">
        <v>16.5</v>
      </c>
      <c r="AW114" s="4">
        <v>19.8</v>
      </c>
      <c r="AX114" s="4">
        <v>42.9</v>
      </c>
    </row>
    <row r="115" spans="1:50">
      <c r="A115">
        <v>16</v>
      </c>
      <c r="B115" t="s">
        <v>155</v>
      </c>
      <c r="C115" t="s">
        <v>179</v>
      </c>
      <c r="D115" t="s">
        <v>99</v>
      </c>
      <c r="E115">
        <v>8</v>
      </c>
      <c r="F115">
        <v>33</v>
      </c>
      <c r="G115" s="1">
        <v>3.3000000000000003</v>
      </c>
      <c r="H115" s="4">
        <v>33</v>
      </c>
      <c r="I115" s="4">
        <v>0</v>
      </c>
      <c r="J115" s="4">
        <v>34.320000000000007</v>
      </c>
      <c r="K115" s="4">
        <v>33</v>
      </c>
      <c r="L115" s="4">
        <v>0</v>
      </c>
      <c r="M115" s="4">
        <v>36.300000000000004</v>
      </c>
      <c r="N115" s="4">
        <v>0</v>
      </c>
      <c r="O115" s="4">
        <v>0</v>
      </c>
      <c r="P115" s="4">
        <v>0</v>
      </c>
      <c r="Q115" s="4">
        <v>0</v>
      </c>
      <c r="R115" s="4">
        <v>0</v>
      </c>
      <c r="S115" s="4">
        <v>36.300000000000004</v>
      </c>
      <c r="T115" s="4">
        <v>7.92</v>
      </c>
      <c r="U115" s="4">
        <v>33</v>
      </c>
      <c r="V115" s="4">
        <v>0</v>
      </c>
      <c r="W115" s="4">
        <v>0</v>
      </c>
      <c r="X115" s="4">
        <v>0</v>
      </c>
      <c r="Y115" s="4">
        <v>0</v>
      </c>
      <c r="Z115" s="4">
        <v>0</v>
      </c>
      <c r="AA115" s="4">
        <v>0</v>
      </c>
      <c r="AB115" s="4">
        <v>0</v>
      </c>
      <c r="AC115" s="4">
        <v>0</v>
      </c>
      <c r="AD115" s="4">
        <v>0</v>
      </c>
      <c r="AE115" s="4">
        <v>0</v>
      </c>
      <c r="AF115" s="4">
        <v>46.199999999999996</v>
      </c>
      <c r="AG115" s="4">
        <v>0</v>
      </c>
      <c r="AH115" s="4">
        <v>0</v>
      </c>
      <c r="AI115" s="4">
        <v>0</v>
      </c>
      <c r="AJ115" s="4">
        <v>0</v>
      </c>
      <c r="AK115" s="4">
        <v>0</v>
      </c>
      <c r="AL115" s="4">
        <v>0</v>
      </c>
      <c r="AM115" s="4">
        <v>0</v>
      </c>
      <c r="AN115" s="4">
        <v>13.86</v>
      </c>
      <c r="AO115" s="4">
        <v>0</v>
      </c>
      <c r="AP115" s="4">
        <v>0</v>
      </c>
      <c r="AQ115" s="4">
        <v>0</v>
      </c>
      <c r="AR115" s="4">
        <v>0</v>
      </c>
      <c r="AS115" s="4">
        <v>0</v>
      </c>
      <c r="AT115" s="4">
        <v>23.099999999999998</v>
      </c>
      <c r="AU115" s="4">
        <v>39.6</v>
      </c>
      <c r="AV115" s="4">
        <v>0</v>
      </c>
      <c r="AW115" s="4">
        <v>19.8</v>
      </c>
      <c r="AX115" s="4">
        <v>42.9</v>
      </c>
    </row>
    <row r="116" spans="1:50">
      <c r="A116">
        <v>16</v>
      </c>
      <c r="B116" t="s">
        <v>165</v>
      </c>
      <c r="C116" t="s">
        <v>180</v>
      </c>
      <c r="D116" t="s">
        <v>99</v>
      </c>
      <c r="E116">
        <v>5</v>
      </c>
      <c r="F116">
        <v>33</v>
      </c>
      <c r="G116" s="1">
        <v>5.28</v>
      </c>
      <c r="H116" s="4">
        <v>33</v>
      </c>
      <c r="I116" s="4">
        <v>0</v>
      </c>
      <c r="J116" s="4">
        <v>0</v>
      </c>
      <c r="K116" s="4">
        <v>15.84</v>
      </c>
      <c r="L116" s="4">
        <v>0</v>
      </c>
      <c r="M116" s="4">
        <v>0</v>
      </c>
      <c r="N116" s="4">
        <v>0</v>
      </c>
      <c r="O116" s="4">
        <v>0</v>
      </c>
      <c r="P116" s="4">
        <v>0</v>
      </c>
      <c r="Q116" s="4">
        <v>0</v>
      </c>
      <c r="R116" s="4">
        <v>0</v>
      </c>
      <c r="S116" s="4">
        <v>36.300000000000004</v>
      </c>
      <c r="T116" s="4">
        <v>0</v>
      </c>
      <c r="U116" s="4">
        <v>15.84</v>
      </c>
      <c r="V116" s="4">
        <v>0</v>
      </c>
      <c r="W116" s="4">
        <v>0</v>
      </c>
      <c r="X116" s="4">
        <v>0</v>
      </c>
      <c r="Y116" s="4">
        <v>0</v>
      </c>
      <c r="Z116" s="4">
        <v>0</v>
      </c>
      <c r="AA116" s="4">
        <v>0</v>
      </c>
      <c r="AB116" s="4">
        <v>0</v>
      </c>
      <c r="AC116" s="4">
        <v>0</v>
      </c>
      <c r="AD116" s="4">
        <v>0</v>
      </c>
      <c r="AE116" s="4">
        <v>0</v>
      </c>
      <c r="AF116" s="4">
        <v>0</v>
      </c>
      <c r="AG116" s="4">
        <v>0</v>
      </c>
      <c r="AH116" s="4">
        <v>0</v>
      </c>
      <c r="AI116" s="4">
        <v>0</v>
      </c>
      <c r="AJ116" s="4">
        <v>0</v>
      </c>
      <c r="AK116" s="4">
        <v>0</v>
      </c>
      <c r="AL116" s="4">
        <v>0</v>
      </c>
      <c r="AM116" s="4">
        <v>0</v>
      </c>
      <c r="AN116" s="4">
        <v>0</v>
      </c>
      <c r="AO116" s="4">
        <v>0</v>
      </c>
      <c r="AP116" s="4">
        <v>0</v>
      </c>
      <c r="AQ116" s="4">
        <v>0</v>
      </c>
      <c r="AR116" s="4">
        <v>0</v>
      </c>
      <c r="AS116" s="4">
        <v>0</v>
      </c>
      <c r="AT116" s="4">
        <v>23.099999999999998</v>
      </c>
      <c r="AU116" s="4">
        <v>0</v>
      </c>
      <c r="AV116" s="4">
        <v>0</v>
      </c>
      <c r="AW116" s="4">
        <v>19.8</v>
      </c>
      <c r="AX116" s="4">
        <v>0</v>
      </c>
    </row>
    <row r="117" spans="1:50">
      <c r="A117">
        <v>16</v>
      </c>
      <c r="B117" t="s">
        <v>123</v>
      </c>
      <c r="C117" t="s">
        <v>181</v>
      </c>
      <c r="D117" t="s">
        <v>99</v>
      </c>
      <c r="E117">
        <v>5</v>
      </c>
      <c r="F117">
        <v>33</v>
      </c>
      <c r="G117" s="1">
        <v>5.28</v>
      </c>
      <c r="H117" s="4">
        <v>33</v>
      </c>
      <c r="I117" s="4">
        <v>16.896000000000001</v>
      </c>
      <c r="J117" s="4">
        <v>20.591999999999999</v>
      </c>
      <c r="K117" s="4">
        <v>33</v>
      </c>
      <c r="L117" s="4">
        <v>0</v>
      </c>
      <c r="M117" s="4">
        <v>17.423999999999999</v>
      </c>
      <c r="N117" s="4">
        <v>0</v>
      </c>
      <c r="O117" s="4">
        <v>0</v>
      </c>
      <c r="P117" s="4">
        <v>0</v>
      </c>
      <c r="Q117" s="4">
        <v>33</v>
      </c>
      <c r="R117" s="4">
        <v>0</v>
      </c>
      <c r="S117" s="4">
        <v>36.300000000000004</v>
      </c>
      <c r="T117" s="4">
        <v>0</v>
      </c>
      <c r="U117" s="4">
        <v>33</v>
      </c>
      <c r="V117" s="4">
        <v>0</v>
      </c>
      <c r="W117" s="4">
        <v>0</v>
      </c>
      <c r="X117" s="4">
        <v>0</v>
      </c>
      <c r="Y117" s="4">
        <v>0</v>
      </c>
      <c r="Z117" s="4">
        <v>0</v>
      </c>
      <c r="AA117" s="4">
        <v>0</v>
      </c>
      <c r="AB117" s="4">
        <v>42.9</v>
      </c>
      <c r="AC117" s="4">
        <v>0</v>
      </c>
      <c r="AD117" s="4">
        <v>0</v>
      </c>
      <c r="AE117" s="4">
        <v>0</v>
      </c>
      <c r="AF117" s="4">
        <v>0</v>
      </c>
      <c r="AG117" s="4">
        <v>0</v>
      </c>
      <c r="AH117" s="4">
        <v>0</v>
      </c>
      <c r="AI117" s="4">
        <v>0</v>
      </c>
      <c r="AJ117" s="4">
        <v>0</v>
      </c>
      <c r="AK117" s="4">
        <v>0</v>
      </c>
      <c r="AL117" s="4">
        <v>0</v>
      </c>
      <c r="AM117" s="4">
        <v>0</v>
      </c>
      <c r="AN117" s="4">
        <v>22.175999999999998</v>
      </c>
      <c r="AO117" s="4">
        <v>0</v>
      </c>
      <c r="AP117" s="4">
        <v>0</v>
      </c>
      <c r="AQ117" s="4">
        <v>0</v>
      </c>
      <c r="AR117" s="4">
        <v>0</v>
      </c>
      <c r="AS117" s="4">
        <v>0</v>
      </c>
      <c r="AT117" s="4">
        <v>23.099999999999998</v>
      </c>
      <c r="AU117" s="4">
        <v>0</v>
      </c>
      <c r="AV117" s="4">
        <v>0</v>
      </c>
      <c r="AW117" s="4">
        <v>19.8</v>
      </c>
      <c r="AX117" s="4">
        <v>0</v>
      </c>
    </row>
    <row r="118" spans="1:50">
      <c r="A118">
        <v>17</v>
      </c>
      <c r="B118" t="s">
        <v>145</v>
      </c>
      <c r="C118" t="s">
        <v>182</v>
      </c>
      <c r="D118" t="s">
        <v>94</v>
      </c>
      <c r="E118">
        <v>6</v>
      </c>
      <c r="F118">
        <v>34</v>
      </c>
      <c r="G118" s="1">
        <v>4.5333333333333341</v>
      </c>
      <c r="H118" s="4">
        <v>37.400000000000006</v>
      </c>
      <c r="I118" s="4">
        <v>23.12</v>
      </c>
      <c r="J118" s="4">
        <v>31.733333333333338</v>
      </c>
      <c r="K118" s="4">
        <v>37.400000000000006</v>
      </c>
      <c r="L118" s="4">
        <v>44.2</v>
      </c>
      <c r="M118" s="4">
        <v>40.799999999999997</v>
      </c>
      <c r="N118" s="4">
        <v>20.400000000000002</v>
      </c>
      <c r="O118" s="4">
        <v>20.400000000000002</v>
      </c>
      <c r="P118" s="4">
        <v>0</v>
      </c>
      <c r="Q118" s="4">
        <v>24.933333333333341</v>
      </c>
      <c r="R118" s="4">
        <v>17.22666666666667</v>
      </c>
      <c r="S118" s="4">
        <v>40.799999999999997</v>
      </c>
      <c r="T118" s="4">
        <v>0</v>
      </c>
      <c r="U118" s="4">
        <v>37.400000000000006</v>
      </c>
      <c r="V118" s="4">
        <v>0</v>
      </c>
      <c r="W118" s="4">
        <v>0</v>
      </c>
      <c r="X118" s="4">
        <v>0</v>
      </c>
      <c r="Y118" s="4">
        <v>15.413333333333336</v>
      </c>
      <c r="Z118" s="4">
        <v>0</v>
      </c>
      <c r="AA118" s="4">
        <v>47.599999999999994</v>
      </c>
      <c r="AB118" s="4">
        <v>25.38666666666667</v>
      </c>
      <c r="AC118" s="4">
        <v>0</v>
      </c>
      <c r="AD118" s="4">
        <v>0</v>
      </c>
      <c r="AE118" s="4">
        <v>0</v>
      </c>
      <c r="AF118" s="4">
        <v>34.000000000000007</v>
      </c>
      <c r="AG118" s="4">
        <v>47.599999999999994</v>
      </c>
      <c r="AH118" s="4">
        <v>19.04</v>
      </c>
      <c r="AI118" s="4">
        <v>51</v>
      </c>
      <c r="AJ118" s="4">
        <v>0</v>
      </c>
      <c r="AK118" s="4">
        <v>0</v>
      </c>
      <c r="AL118" s="4">
        <v>0</v>
      </c>
      <c r="AM118" s="4">
        <v>0</v>
      </c>
      <c r="AN118" s="4">
        <v>20.400000000000002</v>
      </c>
      <c r="AO118" s="4">
        <v>40.799999999999997</v>
      </c>
      <c r="AP118" s="4">
        <v>51</v>
      </c>
      <c r="AQ118" s="4">
        <v>0</v>
      </c>
      <c r="AR118" s="4">
        <v>0</v>
      </c>
      <c r="AS118" s="4">
        <v>0</v>
      </c>
      <c r="AT118" s="4">
        <v>27.200000000000003</v>
      </c>
      <c r="AU118" s="4">
        <v>44.2</v>
      </c>
      <c r="AV118" s="4">
        <v>20.399999999999999</v>
      </c>
      <c r="AW118" s="4">
        <v>23.799999999999997</v>
      </c>
      <c r="AX118" s="4">
        <v>47.599999999999994</v>
      </c>
    </row>
    <row r="119" spans="1:50">
      <c r="A119">
        <v>17</v>
      </c>
      <c r="B119" t="s">
        <v>128</v>
      </c>
      <c r="C119" t="s">
        <v>183</v>
      </c>
      <c r="D119" t="s">
        <v>94</v>
      </c>
      <c r="E119">
        <v>6</v>
      </c>
      <c r="F119">
        <v>34</v>
      </c>
      <c r="G119" s="1">
        <v>4.5333333333333341</v>
      </c>
      <c r="H119" s="4">
        <v>24.933333333333341</v>
      </c>
      <c r="I119" s="4">
        <v>0</v>
      </c>
      <c r="J119" s="4">
        <v>0</v>
      </c>
      <c r="K119" s="4">
        <v>19.946666666666673</v>
      </c>
      <c r="L119" s="4">
        <v>23.573333333333338</v>
      </c>
      <c r="M119" s="4">
        <v>21.76</v>
      </c>
      <c r="N119" s="4">
        <v>0</v>
      </c>
      <c r="O119" s="4">
        <v>34.000000000000007</v>
      </c>
      <c r="P119" s="4">
        <v>0</v>
      </c>
      <c r="Q119" s="4">
        <v>24.933333333333341</v>
      </c>
      <c r="R119" s="4">
        <v>0</v>
      </c>
      <c r="S119" s="4">
        <v>40.799999999999997</v>
      </c>
      <c r="T119" s="4">
        <v>17.680000000000003</v>
      </c>
      <c r="U119" s="4">
        <v>37.400000000000006</v>
      </c>
      <c r="V119" s="4">
        <v>0</v>
      </c>
      <c r="W119" s="4">
        <v>0</v>
      </c>
      <c r="X119" s="4">
        <v>0</v>
      </c>
      <c r="Y119" s="4">
        <v>0</v>
      </c>
      <c r="Z119" s="4">
        <v>15.413333333333336</v>
      </c>
      <c r="AA119" s="4">
        <v>25.38666666666667</v>
      </c>
      <c r="AB119" s="4">
        <v>31.733333333333338</v>
      </c>
      <c r="AC119" s="4">
        <v>0</v>
      </c>
      <c r="AD119" s="4">
        <v>0</v>
      </c>
      <c r="AE119" s="4">
        <v>0</v>
      </c>
      <c r="AF119" s="4">
        <v>27.200000000000003</v>
      </c>
      <c r="AG119" s="4">
        <v>0</v>
      </c>
      <c r="AH119" s="4">
        <v>12.693333333333335</v>
      </c>
      <c r="AI119" s="4">
        <v>27.200000000000003</v>
      </c>
      <c r="AJ119" s="4">
        <v>0</v>
      </c>
      <c r="AK119" s="4">
        <v>0</v>
      </c>
      <c r="AL119" s="4">
        <v>0</v>
      </c>
      <c r="AM119" s="4">
        <v>0</v>
      </c>
      <c r="AN119" s="4">
        <v>13.600000000000001</v>
      </c>
      <c r="AO119" s="4">
        <v>0</v>
      </c>
      <c r="AP119" s="4">
        <v>27.200000000000003</v>
      </c>
      <c r="AQ119" s="4">
        <v>23.12</v>
      </c>
      <c r="AR119" s="4">
        <v>37.400000000000006</v>
      </c>
      <c r="AS119" s="4">
        <v>34.45333333333334</v>
      </c>
      <c r="AT119" s="4">
        <v>14.506666666666669</v>
      </c>
      <c r="AU119" s="4">
        <v>44.2</v>
      </c>
      <c r="AV119" s="4">
        <v>0</v>
      </c>
      <c r="AW119" s="4">
        <v>23.799999999999997</v>
      </c>
      <c r="AX119" s="4">
        <v>31.733333333333338</v>
      </c>
    </row>
    <row r="120" spans="1:50">
      <c r="A120">
        <v>18</v>
      </c>
      <c r="B120" t="s">
        <v>135</v>
      </c>
      <c r="C120" t="s">
        <v>184</v>
      </c>
      <c r="D120" t="s">
        <v>185</v>
      </c>
      <c r="E120">
        <v>9</v>
      </c>
      <c r="F120">
        <v>35</v>
      </c>
      <c r="G120" s="1">
        <v>3.1111111111111112</v>
      </c>
      <c r="H120" s="4">
        <v>0</v>
      </c>
      <c r="I120" s="4">
        <v>0</v>
      </c>
      <c r="J120" s="4">
        <v>9.3333333333333339</v>
      </c>
      <c r="K120" s="4">
        <v>22.400000000000002</v>
      </c>
      <c r="L120" s="4">
        <v>8.7111111111111104</v>
      </c>
      <c r="M120" s="4">
        <v>8.0888888888888886</v>
      </c>
      <c r="N120" s="4">
        <v>0</v>
      </c>
      <c r="O120" s="4">
        <v>0</v>
      </c>
      <c r="P120" s="4">
        <v>0</v>
      </c>
      <c r="Q120" s="4">
        <v>0</v>
      </c>
      <c r="R120" s="4">
        <v>0</v>
      </c>
      <c r="S120" s="4">
        <v>12.133333333333335</v>
      </c>
      <c r="T120" s="4">
        <v>0</v>
      </c>
      <c r="U120" s="4">
        <v>7.4666666666666668</v>
      </c>
      <c r="V120" s="4">
        <v>0</v>
      </c>
      <c r="W120" s="4">
        <v>0</v>
      </c>
      <c r="X120" s="4">
        <v>0</v>
      </c>
      <c r="Y120" s="4">
        <v>0</v>
      </c>
      <c r="Z120" s="4">
        <v>0</v>
      </c>
      <c r="AA120" s="4">
        <v>0</v>
      </c>
      <c r="AB120" s="4">
        <v>0</v>
      </c>
      <c r="AC120" s="4">
        <v>0</v>
      </c>
      <c r="AD120" s="4">
        <v>0</v>
      </c>
      <c r="AE120" s="4">
        <v>0</v>
      </c>
      <c r="AF120" s="4">
        <v>9.9555555555555557</v>
      </c>
      <c r="AG120" s="4">
        <v>0</v>
      </c>
      <c r="AH120" s="4">
        <v>0</v>
      </c>
      <c r="AI120" s="4">
        <v>24.888888888888889</v>
      </c>
      <c r="AJ120" s="4">
        <v>0</v>
      </c>
      <c r="AK120" s="4">
        <v>0</v>
      </c>
      <c r="AL120" s="4">
        <v>0</v>
      </c>
      <c r="AM120" s="4">
        <v>0</v>
      </c>
      <c r="AN120" s="4">
        <v>0</v>
      </c>
      <c r="AO120" s="4">
        <v>0</v>
      </c>
      <c r="AP120" s="4">
        <v>29.866666666666671</v>
      </c>
      <c r="AQ120" s="4">
        <v>0</v>
      </c>
      <c r="AR120" s="4">
        <v>0</v>
      </c>
      <c r="AS120" s="4">
        <v>0</v>
      </c>
      <c r="AT120" s="4">
        <v>31.5</v>
      </c>
      <c r="AU120" s="4">
        <v>0</v>
      </c>
      <c r="AV120" s="4">
        <v>0</v>
      </c>
      <c r="AW120" s="4">
        <v>28</v>
      </c>
      <c r="AX120" s="4">
        <v>0</v>
      </c>
    </row>
    <row r="121" spans="1:50">
      <c r="A121">
        <v>18</v>
      </c>
      <c r="B121" t="s">
        <v>170</v>
      </c>
      <c r="C121" t="s">
        <v>186</v>
      </c>
      <c r="D121" t="s">
        <v>185</v>
      </c>
      <c r="E121">
        <v>10</v>
      </c>
      <c r="F121">
        <v>35</v>
      </c>
      <c r="G121" s="1">
        <v>2.8</v>
      </c>
      <c r="H121" s="4">
        <v>0</v>
      </c>
      <c r="I121" s="4">
        <v>0</v>
      </c>
      <c r="J121" s="4">
        <v>0</v>
      </c>
      <c r="K121" s="4">
        <v>26.88</v>
      </c>
      <c r="L121" s="4">
        <v>15.679999999999998</v>
      </c>
      <c r="M121" s="4">
        <v>45.5</v>
      </c>
      <c r="N121" s="4">
        <v>0</v>
      </c>
      <c r="O121" s="4">
        <v>0</v>
      </c>
      <c r="P121" s="4">
        <v>0</v>
      </c>
      <c r="Q121" s="4">
        <v>23.519999999999996</v>
      </c>
      <c r="R121" s="4">
        <v>0</v>
      </c>
      <c r="S121" s="4">
        <v>45.5</v>
      </c>
      <c r="T121" s="4">
        <v>0</v>
      </c>
      <c r="U121" s="4">
        <v>26.88</v>
      </c>
      <c r="V121" s="4">
        <v>0</v>
      </c>
      <c r="W121" s="4">
        <v>0</v>
      </c>
      <c r="X121" s="4">
        <v>0</v>
      </c>
      <c r="Y121" s="4">
        <v>0</v>
      </c>
      <c r="Z121" s="4">
        <v>0</v>
      </c>
      <c r="AA121" s="4">
        <v>12.599999999999998</v>
      </c>
      <c r="AB121" s="4">
        <v>12.599999999999998</v>
      </c>
      <c r="AC121" s="4">
        <v>0</v>
      </c>
      <c r="AD121" s="4">
        <v>0</v>
      </c>
      <c r="AE121" s="4">
        <v>0</v>
      </c>
      <c r="AF121" s="4">
        <v>35.839999999999996</v>
      </c>
      <c r="AG121" s="4">
        <v>0</v>
      </c>
      <c r="AH121" s="4">
        <v>0</v>
      </c>
      <c r="AI121" s="4">
        <v>26.879999999999995</v>
      </c>
      <c r="AJ121" s="4">
        <v>0</v>
      </c>
      <c r="AK121" s="4">
        <v>0</v>
      </c>
      <c r="AL121" s="4">
        <v>0</v>
      </c>
      <c r="AM121" s="4">
        <v>0</v>
      </c>
      <c r="AN121" s="4">
        <v>13.439999999999998</v>
      </c>
      <c r="AO121" s="4">
        <v>45.5</v>
      </c>
      <c r="AP121" s="4">
        <v>17.919999999999998</v>
      </c>
      <c r="AQ121" s="4">
        <v>10.08</v>
      </c>
      <c r="AR121" s="4">
        <v>0</v>
      </c>
      <c r="AS121" s="4">
        <v>0</v>
      </c>
      <c r="AT121" s="4">
        <v>31.5</v>
      </c>
      <c r="AU121" s="4">
        <v>27.439999999999994</v>
      </c>
      <c r="AV121" s="4">
        <v>24.5</v>
      </c>
      <c r="AW121" s="4">
        <v>28</v>
      </c>
      <c r="AX121" s="4">
        <v>21</v>
      </c>
    </row>
    <row r="122" spans="1:50">
      <c r="A122">
        <v>19</v>
      </c>
      <c r="B122" t="s">
        <v>170</v>
      </c>
      <c r="C122" t="s">
        <v>187</v>
      </c>
      <c r="D122" t="s">
        <v>102</v>
      </c>
      <c r="E122">
        <v>7</v>
      </c>
      <c r="F122">
        <v>36</v>
      </c>
      <c r="G122" s="1">
        <v>4.1142857142857148</v>
      </c>
      <c r="H122" s="4">
        <v>0</v>
      </c>
      <c r="I122" s="4">
        <v>0</v>
      </c>
      <c r="J122" s="4">
        <v>0</v>
      </c>
      <c r="K122" s="4">
        <v>26.742857142857147</v>
      </c>
      <c r="L122" s="4">
        <v>0</v>
      </c>
      <c r="M122" s="4">
        <v>17.28</v>
      </c>
      <c r="N122" s="4">
        <v>0</v>
      </c>
      <c r="O122" s="4">
        <v>0</v>
      </c>
      <c r="P122" s="4">
        <v>0</v>
      </c>
      <c r="Q122" s="4">
        <v>21.394285714285719</v>
      </c>
      <c r="R122" s="4">
        <v>0</v>
      </c>
      <c r="S122" s="4">
        <v>50.4</v>
      </c>
      <c r="T122" s="4">
        <v>0</v>
      </c>
      <c r="U122" s="4">
        <v>0</v>
      </c>
      <c r="V122" s="4">
        <v>0</v>
      </c>
      <c r="W122" s="4">
        <v>0</v>
      </c>
      <c r="X122" s="4">
        <v>0</v>
      </c>
      <c r="Y122" s="4">
        <v>0</v>
      </c>
      <c r="Z122" s="4">
        <v>0</v>
      </c>
      <c r="AA122" s="4">
        <v>0</v>
      </c>
      <c r="AB122" s="4">
        <v>19.748571428571434</v>
      </c>
      <c r="AC122" s="4">
        <v>0</v>
      </c>
      <c r="AD122" s="4">
        <v>39.6</v>
      </c>
      <c r="AE122" s="4">
        <v>0</v>
      </c>
      <c r="AF122" s="4">
        <v>0</v>
      </c>
      <c r="AG122" s="4">
        <v>0</v>
      </c>
      <c r="AH122" s="4">
        <v>0</v>
      </c>
      <c r="AI122" s="4">
        <v>27.977142857142859</v>
      </c>
      <c r="AJ122" s="4">
        <v>0</v>
      </c>
      <c r="AK122" s="4">
        <v>0</v>
      </c>
      <c r="AL122" s="4">
        <v>0</v>
      </c>
      <c r="AM122" s="4">
        <v>0</v>
      </c>
      <c r="AN122" s="4">
        <v>0</v>
      </c>
      <c r="AO122" s="4">
        <v>50.4</v>
      </c>
      <c r="AP122" s="4">
        <v>27.977142857142859</v>
      </c>
      <c r="AQ122" s="4">
        <v>0</v>
      </c>
      <c r="AR122" s="4">
        <v>46.800000000000004</v>
      </c>
      <c r="AS122" s="4">
        <v>0</v>
      </c>
      <c r="AT122" s="4">
        <v>36</v>
      </c>
      <c r="AU122" s="4">
        <v>54</v>
      </c>
      <c r="AV122" s="4">
        <v>28.8</v>
      </c>
      <c r="AW122" s="4">
        <v>32.4</v>
      </c>
      <c r="AX122" s="4">
        <v>0</v>
      </c>
    </row>
    <row r="123" spans="1:50">
      <c r="A123">
        <v>19</v>
      </c>
      <c r="B123" t="s">
        <v>152</v>
      </c>
      <c r="C123" t="s">
        <v>188</v>
      </c>
      <c r="D123" t="s">
        <v>102</v>
      </c>
      <c r="E123">
        <v>5</v>
      </c>
      <c r="F123">
        <v>36</v>
      </c>
      <c r="G123" s="1">
        <v>5.76</v>
      </c>
      <c r="H123" s="4">
        <v>46.800000000000004</v>
      </c>
      <c r="I123" s="4">
        <v>0</v>
      </c>
      <c r="J123" s="4">
        <v>18.431999999999999</v>
      </c>
      <c r="K123" s="4">
        <v>46.800000000000004</v>
      </c>
      <c r="L123" s="4">
        <v>17.28</v>
      </c>
      <c r="M123" s="4">
        <v>0</v>
      </c>
      <c r="N123" s="4">
        <v>0</v>
      </c>
      <c r="O123" s="4">
        <v>0</v>
      </c>
      <c r="P123" s="4">
        <v>0</v>
      </c>
      <c r="Q123" s="4">
        <v>0</v>
      </c>
      <c r="R123" s="4">
        <v>0</v>
      </c>
      <c r="S123" s="4">
        <v>0</v>
      </c>
      <c r="T123" s="4">
        <v>0</v>
      </c>
      <c r="U123" s="4">
        <v>46.800000000000004</v>
      </c>
      <c r="V123" s="4">
        <v>0</v>
      </c>
      <c r="W123" s="4">
        <v>0</v>
      </c>
      <c r="X123" s="4">
        <v>0</v>
      </c>
      <c r="Y123" s="4">
        <v>0</v>
      </c>
      <c r="Z123" s="4">
        <v>0</v>
      </c>
      <c r="AA123" s="4">
        <v>57.6</v>
      </c>
      <c r="AB123" s="4">
        <v>0</v>
      </c>
      <c r="AC123" s="4">
        <v>0</v>
      </c>
      <c r="AD123" s="4">
        <v>0</v>
      </c>
      <c r="AE123" s="4">
        <v>0</v>
      </c>
      <c r="AF123" s="4">
        <v>0</v>
      </c>
      <c r="AG123" s="4">
        <v>0</v>
      </c>
      <c r="AH123" s="4">
        <v>0</v>
      </c>
      <c r="AI123" s="4">
        <v>61.199999999999996</v>
      </c>
      <c r="AJ123" s="4">
        <v>0</v>
      </c>
      <c r="AK123" s="4">
        <v>0</v>
      </c>
      <c r="AL123" s="4">
        <v>0</v>
      </c>
      <c r="AM123" s="4">
        <v>0</v>
      </c>
      <c r="AN123" s="4">
        <v>0</v>
      </c>
      <c r="AO123" s="4">
        <v>0</v>
      </c>
      <c r="AP123" s="4">
        <v>61.199999999999996</v>
      </c>
      <c r="AQ123" s="4">
        <v>0</v>
      </c>
      <c r="AR123" s="4">
        <v>0</v>
      </c>
      <c r="AS123" s="4">
        <v>24.192</v>
      </c>
      <c r="AT123" s="4">
        <v>36</v>
      </c>
      <c r="AU123" s="4">
        <v>54</v>
      </c>
      <c r="AV123" s="4">
        <v>0</v>
      </c>
      <c r="AW123" s="4">
        <v>32.4</v>
      </c>
      <c r="AX123" s="4">
        <v>0</v>
      </c>
    </row>
    <row r="124" spans="1:50">
      <c r="A124">
        <v>19</v>
      </c>
      <c r="B124" t="s">
        <v>128</v>
      </c>
      <c r="C124" t="s">
        <v>189</v>
      </c>
      <c r="D124" t="s">
        <v>102</v>
      </c>
      <c r="E124">
        <v>7</v>
      </c>
      <c r="F124">
        <v>36</v>
      </c>
      <c r="G124" s="1">
        <v>4.1142857142857148</v>
      </c>
      <c r="H124" s="4">
        <v>0</v>
      </c>
      <c r="I124" s="4">
        <v>0</v>
      </c>
      <c r="J124" s="4">
        <v>0</v>
      </c>
      <c r="K124" s="4">
        <v>16.04571428571429</v>
      </c>
      <c r="L124" s="4">
        <v>12.342857142857145</v>
      </c>
      <c r="M124" s="4">
        <v>17.28</v>
      </c>
      <c r="N124" s="4">
        <v>0</v>
      </c>
      <c r="O124" s="4">
        <v>20.982857142857146</v>
      </c>
      <c r="P124" s="4">
        <v>0</v>
      </c>
      <c r="Q124" s="4">
        <v>16.04571428571429</v>
      </c>
      <c r="R124" s="4">
        <v>0</v>
      </c>
      <c r="S124" s="4">
        <v>0</v>
      </c>
      <c r="T124" s="4">
        <v>0</v>
      </c>
      <c r="U124" s="4">
        <v>16.04571428571429</v>
      </c>
      <c r="V124" s="4">
        <v>0</v>
      </c>
      <c r="W124" s="4">
        <v>0</v>
      </c>
      <c r="X124" s="4">
        <v>0</v>
      </c>
      <c r="Y124" s="4">
        <v>0</v>
      </c>
      <c r="Z124" s="4">
        <v>15.634285714285715</v>
      </c>
      <c r="AA124" s="4">
        <v>0</v>
      </c>
      <c r="AB124" s="4">
        <v>19.748571428571434</v>
      </c>
      <c r="AC124" s="4">
        <v>0</v>
      </c>
      <c r="AD124" s="4">
        <v>39.6</v>
      </c>
      <c r="AE124" s="4">
        <v>0</v>
      </c>
      <c r="AF124" s="4">
        <v>0</v>
      </c>
      <c r="AG124" s="4">
        <v>0</v>
      </c>
      <c r="AH124" s="4">
        <v>0</v>
      </c>
      <c r="AI124" s="4">
        <v>0</v>
      </c>
      <c r="AJ124" s="4">
        <v>0</v>
      </c>
      <c r="AK124" s="4">
        <v>25.2</v>
      </c>
      <c r="AL124" s="4">
        <v>0</v>
      </c>
      <c r="AM124" s="4">
        <v>0</v>
      </c>
      <c r="AN124" s="4">
        <v>0</v>
      </c>
      <c r="AO124" s="4">
        <v>0</v>
      </c>
      <c r="AP124" s="4">
        <v>0</v>
      </c>
      <c r="AQ124" s="4">
        <v>0</v>
      </c>
      <c r="AR124" s="4">
        <v>46.800000000000004</v>
      </c>
      <c r="AS124" s="4">
        <v>0</v>
      </c>
      <c r="AT124" s="4">
        <v>16.457142857142859</v>
      </c>
      <c r="AU124" s="4">
        <v>18.51428571428572</v>
      </c>
      <c r="AV124" s="4">
        <v>0</v>
      </c>
      <c r="AW124" s="4">
        <v>32.4</v>
      </c>
      <c r="AX124" s="4">
        <v>19.748571428571434</v>
      </c>
    </row>
    <row r="125" spans="1:50">
      <c r="A125">
        <v>20</v>
      </c>
      <c r="B125" t="s">
        <v>170</v>
      </c>
      <c r="C125" t="s">
        <v>190</v>
      </c>
      <c r="D125" t="s">
        <v>105</v>
      </c>
      <c r="E125">
        <v>7</v>
      </c>
      <c r="F125">
        <v>37</v>
      </c>
      <c r="G125" s="1">
        <v>4.2285714285714286</v>
      </c>
      <c r="H125" s="4">
        <v>0</v>
      </c>
      <c r="I125" s="4">
        <v>0</v>
      </c>
      <c r="J125" s="4">
        <v>0</v>
      </c>
      <c r="K125" s="4">
        <v>23.68</v>
      </c>
      <c r="L125" s="4">
        <v>27.062857142857144</v>
      </c>
      <c r="M125" s="4">
        <v>25.371428571428574</v>
      </c>
      <c r="N125" s="4">
        <v>0</v>
      </c>
      <c r="O125" s="4">
        <v>0</v>
      </c>
      <c r="P125" s="4">
        <v>0</v>
      </c>
      <c r="Q125" s="4">
        <v>29.599999999999998</v>
      </c>
      <c r="R125" s="4">
        <v>0</v>
      </c>
      <c r="S125" s="4">
        <v>38.057142857142864</v>
      </c>
      <c r="T125" s="4">
        <v>0</v>
      </c>
      <c r="U125" s="4">
        <v>41.44</v>
      </c>
      <c r="V125" s="4">
        <v>0</v>
      </c>
      <c r="W125" s="4">
        <v>0</v>
      </c>
      <c r="X125" s="4">
        <v>0</v>
      </c>
      <c r="Y125" s="4">
        <v>0</v>
      </c>
      <c r="Z125" s="4">
        <v>0</v>
      </c>
      <c r="AA125" s="4">
        <v>0</v>
      </c>
      <c r="AB125" s="4">
        <v>28.754285714285714</v>
      </c>
      <c r="AC125" s="4">
        <v>0</v>
      </c>
      <c r="AD125" s="4">
        <v>44.4</v>
      </c>
      <c r="AE125" s="4">
        <v>0</v>
      </c>
      <c r="AF125" s="4">
        <v>0</v>
      </c>
      <c r="AG125" s="4">
        <v>0</v>
      </c>
      <c r="AH125" s="4">
        <v>0</v>
      </c>
      <c r="AI125" s="4">
        <v>38.057142857142857</v>
      </c>
      <c r="AJ125" s="4">
        <v>0</v>
      </c>
      <c r="AK125" s="4">
        <v>29.6</v>
      </c>
      <c r="AL125" s="4">
        <v>0</v>
      </c>
      <c r="AM125" s="4">
        <v>0</v>
      </c>
      <c r="AN125" s="4">
        <v>0</v>
      </c>
      <c r="AO125" s="4">
        <v>0</v>
      </c>
      <c r="AP125" s="4">
        <v>30.445714285714288</v>
      </c>
      <c r="AQ125" s="4">
        <v>16.914285714285715</v>
      </c>
      <c r="AR125" s="4">
        <v>51.8</v>
      </c>
      <c r="AS125" s="4">
        <v>0</v>
      </c>
      <c r="AT125" s="4">
        <v>40.700000000000003</v>
      </c>
      <c r="AU125" s="4">
        <v>40.594285714285718</v>
      </c>
      <c r="AV125" s="4">
        <v>33.300000000000004</v>
      </c>
      <c r="AW125" s="4">
        <v>37</v>
      </c>
      <c r="AX125" s="4">
        <v>35.942857142857143</v>
      </c>
    </row>
    <row r="126" spans="1:50">
      <c r="A126">
        <v>20</v>
      </c>
      <c r="B126" t="s">
        <v>170</v>
      </c>
      <c r="C126" t="s">
        <v>191</v>
      </c>
      <c r="D126" t="s">
        <v>105</v>
      </c>
      <c r="E126">
        <v>8</v>
      </c>
      <c r="F126">
        <v>37</v>
      </c>
      <c r="G126" s="1">
        <v>3.7</v>
      </c>
      <c r="H126" s="4">
        <v>0</v>
      </c>
      <c r="I126" s="4">
        <v>0</v>
      </c>
      <c r="J126" s="4">
        <v>0</v>
      </c>
      <c r="K126" s="4">
        <v>20.72</v>
      </c>
      <c r="L126" s="4">
        <v>17.760000000000002</v>
      </c>
      <c r="M126" s="4">
        <v>27.75</v>
      </c>
      <c r="N126" s="4">
        <v>0</v>
      </c>
      <c r="O126" s="4">
        <v>0</v>
      </c>
      <c r="P126" s="4">
        <v>0</v>
      </c>
      <c r="Q126" s="4">
        <v>0</v>
      </c>
      <c r="R126" s="4">
        <v>0</v>
      </c>
      <c r="S126" s="4">
        <v>55.5</v>
      </c>
      <c r="T126" s="4">
        <v>0</v>
      </c>
      <c r="U126" s="4">
        <v>0</v>
      </c>
      <c r="V126" s="4">
        <v>0</v>
      </c>
      <c r="W126" s="4">
        <v>0</v>
      </c>
      <c r="X126" s="4">
        <v>0</v>
      </c>
      <c r="Y126" s="4">
        <v>0</v>
      </c>
      <c r="Z126" s="4">
        <v>0</v>
      </c>
      <c r="AA126" s="4">
        <v>0</v>
      </c>
      <c r="AB126" s="4">
        <v>18.87</v>
      </c>
      <c r="AC126" s="4">
        <v>0</v>
      </c>
      <c r="AD126" s="4">
        <v>44.4</v>
      </c>
      <c r="AE126" s="4">
        <v>0</v>
      </c>
      <c r="AF126" s="4">
        <v>0</v>
      </c>
      <c r="AG126" s="4">
        <v>0</v>
      </c>
      <c r="AH126" s="4">
        <v>0</v>
      </c>
      <c r="AI126" s="4">
        <v>26.64</v>
      </c>
      <c r="AJ126" s="4">
        <v>0</v>
      </c>
      <c r="AK126" s="4">
        <v>0</v>
      </c>
      <c r="AL126" s="4">
        <v>0</v>
      </c>
      <c r="AM126" s="4">
        <v>0</v>
      </c>
      <c r="AN126" s="4">
        <v>0</v>
      </c>
      <c r="AO126" s="4">
        <v>55.5</v>
      </c>
      <c r="AP126" s="4">
        <v>26.64</v>
      </c>
      <c r="AQ126" s="4">
        <v>0</v>
      </c>
      <c r="AR126" s="4">
        <v>51.8</v>
      </c>
      <c r="AS126" s="4">
        <v>0</v>
      </c>
      <c r="AT126" s="4">
        <v>32.56</v>
      </c>
      <c r="AU126" s="4">
        <v>0</v>
      </c>
      <c r="AV126" s="4">
        <v>0</v>
      </c>
      <c r="AW126" s="4">
        <v>37</v>
      </c>
      <c r="AX126" s="4">
        <v>18.87</v>
      </c>
    </row>
    <row r="127" spans="1:50">
      <c r="A127">
        <v>22</v>
      </c>
      <c r="B127" t="s">
        <v>128</v>
      </c>
      <c r="C127" t="s">
        <v>192</v>
      </c>
      <c r="D127" t="s">
        <v>106</v>
      </c>
      <c r="E127">
        <v>6</v>
      </c>
      <c r="F127">
        <v>39</v>
      </c>
      <c r="G127" s="1">
        <v>5.2</v>
      </c>
      <c r="H127" s="4">
        <v>41.6</v>
      </c>
      <c r="I127" s="4">
        <v>22.880000000000003</v>
      </c>
      <c r="J127" s="4">
        <v>29.64</v>
      </c>
      <c r="K127" s="4">
        <v>41.6</v>
      </c>
      <c r="L127" s="4">
        <v>18.720000000000002</v>
      </c>
      <c r="M127" s="4">
        <v>17.68</v>
      </c>
      <c r="N127" s="4">
        <v>0</v>
      </c>
      <c r="O127" s="4">
        <v>0</v>
      </c>
      <c r="P127" s="4">
        <v>0</v>
      </c>
      <c r="Q127" s="4">
        <v>16.64</v>
      </c>
      <c r="R127" s="4">
        <v>0</v>
      </c>
      <c r="S127" s="4">
        <v>0</v>
      </c>
      <c r="T127" s="4">
        <v>0</v>
      </c>
      <c r="U127" s="4">
        <v>41.6</v>
      </c>
      <c r="V127" s="4">
        <v>0</v>
      </c>
      <c r="W127" s="4">
        <v>0</v>
      </c>
      <c r="X127" s="4">
        <v>0</v>
      </c>
      <c r="Y127" s="4">
        <v>0</v>
      </c>
      <c r="Z127" s="4">
        <v>0</v>
      </c>
      <c r="AA127" s="4">
        <v>0</v>
      </c>
      <c r="AB127" s="4">
        <v>19.759999999999998</v>
      </c>
      <c r="AC127" s="4">
        <v>0</v>
      </c>
      <c r="AD127" s="4">
        <v>54.599999999999994</v>
      </c>
      <c r="AE127" s="4">
        <v>0</v>
      </c>
      <c r="AF127" s="4">
        <v>0</v>
      </c>
      <c r="AG127" s="4">
        <v>39.519999999999996</v>
      </c>
      <c r="AH127" s="4">
        <v>0</v>
      </c>
      <c r="AI127" s="4">
        <v>0</v>
      </c>
      <c r="AJ127" s="4">
        <v>0</v>
      </c>
      <c r="AK127" s="4">
        <v>39</v>
      </c>
      <c r="AL127" s="4">
        <v>0</v>
      </c>
      <c r="AM127" s="4">
        <v>0</v>
      </c>
      <c r="AN127" s="4">
        <v>0</v>
      </c>
      <c r="AO127" s="4">
        <v>0</v>
      </c>
      <c r="AP127" s="4">
        <v>0</v>
      </c>
      <c r="AQ127" s="4">
        <v>0</v>
      </c>
      <c r="AR127" s="4">
        <v>0</v>
      </c>
      <c r="AS127" s="4">
        <v>24.96</v>
      </c>
      <c r="AT127" s="4">
        <v>33.800000000000004</v>
      </c>
      <c r="AU127" s="4">
        <v>37.440000000000005</v>
      </c>
      <c r="AV127" s="4">
        <v>0</v>
      </c>
      <c r="AW127" s="4">
        <v>24.96</v>
      </c>
      <c r="AX127" s="4">
        <v>19.759999999999998</v>
      </c>
    </row>
    <row r="128" spans="1:50">
      <c r="A128">
        <v>23</v>
      </c>
      <c r="B128" t="s">
        <v>170</v>
      </c>
      <c r="C128" t="s">
        <v>193</v>
      </c>
      <c r="D128" t="s">
        <v>104</v>
      </c>
      <c r="E128">
        <v>7</v>
      </c>
      <c r="F128">
        <v>40</v>
      </c>
      <c r="G128" s="1">
        <v>4.5714285714285712</v>
      </c>
      <c r="H128" s="4">
        <v>0</v>
      </c>
      <c r="I128" s="4">
        <v>0</v>
      </c>
      <c r="J128" s="4">
        <v>0</v>
      </c>
      <c r="K128" s="4">
        <v>31.085714285714282</v>
      </c>
      <c r="L128" s="4">
        <v>0</v>
      </c>
      <c r="M128" s="4">
        <v>0</v>
      </c>
      <c r="N128" s="4">
        <v>0</v>
      </c>
      <c r="O128" s="4">
        <v>19.2</v>
      </c>
      <c r="P128" s="4">
        <v>0</v>
      </c>
      <c r="Q128" s="4">
        <v>0</v>
      </c>
      <c r="R128" s="4">
        <v>0</v>
      </c>
      <c r="S128" s="4">
        <v>0</v>
      </c>
      <c r="T128" s="4">
        <v>0</v>
      </c>
      <c r="U128" s="4">
        <v>0</v>
      </c>
      <c r="V128" s="4">
        <v>0</v>
      </c>
      <c r="W128" s="4">
        <v>0</v>
      </c>
      <c r="X128" s="4">
        <v>0</v>
      </c>
      <c r="Y128" s="4">
        <v>0</v>
      </c>
      <c r="Z128" s="4">
        <v>0</v>
      </c>
      <c r="AA128" s="4">
        <v>0</v>
      </c>
      <c r="AB128" s="4">
        <v>0</v>
      </c>
      <c r="AC128" s="4">
        <v>0</v>
      </c>
      <c r="AD128" s="4">
        <v>0</v>
      </c>
      <c r="AE128" s="4">
        <v>0</v>
      </c>
      <c r="AF128" s="4">
        <v>0</v>
      </c>
      <c r="AG128" s="4">
        <v>18.285714285714285</v>
      </c>
      <c r="AH128" s="4">
        <v>0</v>
      </c>
      <c r="AI128" s="4">
        <v>28.8</v>
      </c>
      <c r="AJ128" s="4">
        <v>0</v>
      </c>
      <c r="AK128" s="4">
        <v>44</v>
      </c>
      <c r="AL128" s="4">
        <v>0</v>
      </c>
      <c r="AM128" s="4">
        <v>0</v>
      </c>
      <c r="AN128" s="4">
        <v>0</v>
      </c>
      <c r="AO128" s="4">
        <v>0</v>
      </c>
      <c r="AP128" s="4">
        <v>28.8</v>
      </c>
      <c r="AQ128" s="4">
        <v>0</v>
      </c>
      <c r="AR128" s="4">
        <v>0</v>
      </c>
      <c r="AS128" s="4">
        <v>0</v>
      </c>
      <c r="AT128" s="4">
        <v>31.999999999999993</v>
      </c>
      <c r="AU128" s="4">
        <v>26.057142857142853</v>
      </c>
      <c r="AV128" s="4">
        <v>0</v>
      </c>
      <c r="AW128" s="4">
        <v>52</v>
      </c>
      <c r="AX128" s="4">
        <v>27.428571428571427</v>
      </c>
    </row>
    <row r="129" spans="1:50">
      <c r="A129">
        <v>24</v>
      </c>
      <c r="B129" t="s">
        <v>165</v>
      </c>
      <c r="C129" t="s">
        <v>194</v>
      </c>
      <c r="D129" t="s">
        <v>195</v>
      </c>
      <c r="E129">
        <v>10</v>
      </c>
      <c r="F129">
        <v>41</v>
      </c>
      <c r="G129" s="1">
        <v>3.2800000000000002</v>
      </c>
      <c r="H129" s="4">
        <v>0</v>
      </c>
      <c r="I129" s="4">
        <v>0</v>
      </c>
      <c r="J129" s="4">
        <v>0</v>
      </c>
      <c r="K129" s="4">
        <v>0</v>
      </c>
      <c r="L129" s="4">
        <v>0</v>
      </c>
      <c r="M129" s="4">
        <v>0</v>
      </c>
      <c r="N129" s="4">
        <v>0</v>
      </c>
      <c r="O129" s="4">
        <v>0</v>
      </c>
      <c r="P129" s="4">
        <v>0</v>
      </c>
      <c r="Q129" s="4">
        <v>0</v>
      </c>
      <c r="R129" s="4">
        <v>0</v>
      </c>
      <c r="S129" s="4">
        <v>0</v>
      </c>
      <c r="T129" s="4">
        <v>0</v>
      </c>
      <c r="U129" s="4">
        <v>0</v>
      </c>
      <c r="V129" s="4">
        <v>0</v>
      </c>
      <c r="W129" s="4">
        <v>0</v>
      </c>
      <c r="X129" s="4">
        <v>0</v>
      </c>
      <c r="Y129" s="4">
        <v>0</v>
      </c>
      <c r="Z129" s="4">
        <v>0</v>
      </c>
      <c r="AA129" s="4">
        <v>0</v>
      </c>
      <c r="AB129" s="4">
        <v>0</v>
      </c>
      <c r="AC129" s="4">
        <v>0</v>
      </c>
      <c r="AD129" s="4">
        <v>0</v>
      </c>
      <c r="AE129" s="4">
        <v>0</v>
      </c>
      <c r="AF129" s="4">
        <v>0</v>
      </c>
      <c r="AG129" s="4">
        <v>0</v>
      </c>
      <c r="AH129" s="4">
        <v>0</v>
      </c>
      <c r="AI129" s="4">
        <v>0</v>
      </c>
      <c r="AJ129" s="4">
        <v>0</v>
      </c>
      <c r="AK129" s="4">
        <v>0</v>
      </c>
      <c r="AL129" s="4">
        <v>0</v>
      </c>
      <c r="AM129" s="4">
        <v>0</v>
      </c>
      <c r="AN129" s="4">
        <v>0</v>
      </c>
      <c r="AO129" s="4">
        <v>0</v>
      </c>
      <c r="AP129" s="4">
        <v>0</v>
      </c>
      <c r="AQ129" s="4">
        <v>0</v>
      </c>
      <c r="AR129" s="4">
        <v>0</v>
      </c>
      <c r="AS129" s="4">
        <v>0</v>
      </c>
      <c r="AT129" s="4">
        <v>0</v>
      </c>
      <c r="AU129" s="4">
        <v>0</v>
      </c>
      <c r="AV129" s="4">
        <v>0</v>
      </c>
      <c r="AW129" s="4">
        <v>9.1839999999999993</v>
      </c>
      <c r="AX129" s="4">
        <v>0</v>
      </c>
    </row>
    <row r="130" spans="1:50">
      <c r="A130">
        <v>24</v>
      </c>
      <c r="B130" t="s">
        <v>130</v>
      </c>
      <c r="C130" t="s">
        <v>196</v>
      </c>
      <c r="D130" t="s">
        <v>195</v>
      </c>
      <c r="E130">
        <v>11</v>
      </c>
      <c r="F130">
        <v>41</v>
      </c>
      <c r="G130" s="1">
        <v>2.9818181818181824</v>
      </c>
      <c r="H130" s="4">
        <v>0</v>
      </c>
      <c r="I130" s="4">
        <v>0</v>
      </c>
      <c r="J130" s="4">
        <v>0</v>
      </c>
      <c r="K130" s="4">
        <v>0</v>
      </c>
      <c r="L130" s="4">
        <v>29.818181818181824</v>
      </c>
      <c r="M130" s="4">
        <v>0</v>
      </c>
      <c r="N130" s="4">
        <v>0</v>
      </c>
      <c r="O130" s="4">
        <v>0</v>
      </c>
      <c r="P130" s="4">
        <v>0</v>
      </c>
      <c r="Q130" s="4">
        <v>0</v>
      </c>
      <c r="R130" s="4">
        <v>0</v>
      </c>
      <c r="S130" s="4">
        <v>45.323636363636368</v>
      </c>
      <c r="T130" s="4">
        <v>0</v>
      </c>
      <c r="U130" s="4">
        <v>42.938181818181825</v>
      </c>
      <c r="V130" s="4">
        <v>0</v>
      </c>
      <c r="W130" s="4">
        <v>0</v>
      </c>
      <c r="X130" s="4">
        <v>0</v>
      </c>
      <c r="Y130" s="4">
        <v>0</v>
      </c>
      <c r="Z130" s="4">
        <v>0</v>
      </c>
      <c r="AA130" s="4">
        <v>0</v>
      </c>
      <c r="AB130" s="4">
        <v>12.523636363636367</v>
      </c>
      <c r="AC130" s="4">
        <v>0</v>
      </c>
      <c r="AD130" s="4">
        <v>0</v>
      </c>
      <c r="AE130" s="4">
        <v>0</v>
      </c>
      <c r="AF130" s="4">
        <v>0</v>
      </c>
      <c r="AG130" s="4">
        <v>0</v>
      </c>
      <c r="AH130" s="4">
        <v>0</v>
      </c>
      <c r="AI130" s="4">
        <v>13.120000000000003</v>
      </c>
      <c r="AJ130" s="4">
        <v>0</v>
      </c>
      <c r="AK130" s="4">
        <v>0</v>
      </c>
      <c r="AL130" s="4">
        <v>0</v>
      </c>
      <c r="AM130" s="4">
        <v>0</v>
      </c>
      <c r="AN130" s="4">
        <v>0</v>
      </c>
      <c r="AO130" s="4">
        <v>0</v>
      </c>
      <c r="AP130" s="4">
        <v>26.240000000000006</v>
      </c>
      <c r="AQ130" s="4">
        <v>0</v>
      </c>
      <c r="AR130" s="4">
        <v>0</v>
      </c>
      <c r="AS130" s="4">
        <v>0</v>
      </c>
      <c r="AT130" s="4">
        <v>0</v>
      </c>
      <c r="AU130" s="4">
        <v>0</v>
      </c>
      <c r="AV130" s="4">
        <v>27.134545454545457</v>
      </c>
      <c r="AW130" s="4">
        <v>0</v>
      </c>
      <c r="AX130" s="4">
        <v>0</v>
      </c>
    </row>
    <row r="131" spans="1:50">
      <c r="A131">
        <v>25</v>
      </c>
      <c r="B131" t="s">
        <v>165</v>
      </c>
      <c r="C131" t="s">
        <v>197</v>
      </c>
      <c r="D131" t="s">
        <v>198</v>
      </c>
      <c r="E131">
        <v>5</v>
      </c>
      <c r="F131">
        <v>42</v>
      </c>
      <c r="G131" s="1">
        <v>6.7200000000000006</v>
      </c>
      <c r="H131" s="4">
        <v>0</v>
      </c>
      <c r="I131" s="4">
        <v>0</v>
      </c>
      <c r="J131" s="4">
        <v>0</v>
      </c>
      <c r="K131" s="4">
        <v>0</v>
      </c>
      <c r="L131" s="4">
        <v>0</v>
      </c>
      <c r="M131" s="4">
        <v>0</v>
      </c>
      <c r="N131" s="4">
        <v>0</v>
      </c>
      <c r="O131" s="4">
        <v>0</v>
      </c>
      <c r="P131" s="4">
        <v>0</v>
      </c>
      <c r="Q131" s="4">
        <v>0</v>
      </c>
      <c r="R131" s="4">
        <v>0</v>
      </c>
      <c r="S131" s="4">
        <v>0</v>
      </c>
      <c r="T131" s="4">
        <v>0</v>
      </c>
      <c r="U131" s="4">
        <v>0</v>
      </c>
      <c r="V131" s="4">
        <v>0</v>
      </c>
      <c r="W131" s="4">
        <v>0</v>
      </c>
      <c r="X131" s="4">
        <v>0</v>
      </c>
      <c r="Y131" s="4">
        <v>0</v>
      </c>
      <c r="Z131" s="4">
        <v>0</v>
      </c>
      <c r="AA131" s="4">
        <v>0</v>
      </c>
      <c r="AB131" s="4">
        <v>0</v>
      </c>
      <c r="AC131" s="4">
        <v>0</v>
      </c>
      <c r="AD131" s="4">
        <v>0</v>
      </c>
      <c r="AE131" s="4">
        <v>0</v>
      </c>
      <c r="AF131" s="4">
        <v>0</v>
      </c>
      <c r="AG131" s="4">
        <v>0</v>
      </c>
      <c r="AH131" s="4">
        <v>0</v>
      </c>
      <c r="AI131" s="4">
        <v>0</v>
      </c>
      <c r="AJ131" s="4">
        <v>0</v>
      </c>
      <c r="AK131" s="4">
        <v>0</v>
      </c>
      <c r="AL131" s="4">
        <v>0</v>
      </c>
      <c r="AM131" s="4">
        <v>0</v>
      </c>
      <c r="AN131" s="4">
        <v>0</v>
      </c>
      <c r="AO131" s="4">
        <v>0</v>
      </c>
      <c r="AP131" s="4">
        <v>0</v>
      </c>
      <c r="AQ131" s="4">
        <v>0</v>
      </c>
      <c r="AR131" s="4">
        <v>0</v>
      </c>
      <c r="AS131" s="4">
        <v>0</v>
      </c>
      <c r="AT131" s="4">
        <v>21.504000000000005</v>
      </c>
      <c r="AU131" s="4">
        <v>0</v>
      </c>
      <c r="AV131" s="4">
        <v>0</v>
      </c>
      <c r="AW131" s="4">
        <v>20.160000000000004</v>
      </c>
      <c r="AX131" s="4">
        <v>0</v>
      </c>
    </row>
    <row r="132" spans="1:50">
      <c r="A132">
        <v>26</v>
      </c>
      <c r="B132" t="s">
        <v>165</v>
      </c>
      <c r="C132" t="s">
        <v>199</v>
      </c>
      <c r="D132" t="s">
        <v>200</v>
      </c>
      <c r="E132">
        <v>10</v>
      </c>
      <c r="F132">
        <v>43</v>
      </c>
      <c r="G132" s="1">
        <v>3.44</v>
      </c>
      <c r="H132" s="4">
        <v>0</v>
      </c>
      <c r="I132" s="4">
        <v>0</v>
      </c>
      <c r="J132" s="4">
        <v>0</v>
      </c>
      <c r="K132" s="4">
        <v>20.64</v>
      </c>
      <c r="L132" s="4">
        <v>0</v>
      </c>
      <c r="M132" s="4">
        <v>0</v>
      </c>
      <c r="N132" s="4">
        <v>0</v>
      </c>
      <c r="O132" s="4">
        <v>0</v>
      </c>
      <c r="P132" s="4">
        <v>0</v>
      </c>
      <c r="Q132" s="4">
        <v>0</v>
      </c>
      <c r="R132" s="4">
        <v>0</v>
      </c>
      <c r="S132" s="4">
        <v>0</v>
      </c>
      <c r="T132" s="4">
        <v>0</v>
      </c>
      <c r="U132" s="4">
        <v>0</v>
      </c>
      <c r="V132" s="4">
        <v>0</v>
      </c>
      <c r="W132" s="4">
        <v>0</v>
      </c>
      <c r="X132" s="4">
        <v>0</v>
      </c>
      <c r="Y132" s="4">
        <v>0</v>
      </c>
      <c r="Z132" s="4">
        <v>0</v>
      </c>
      <c r="AA132" s="4">
        <v>0</v>
      </c>
      <c r="AB132" s="4">
        <v>0</v>
      </c>
      <c r="AC132" s="4">
        <v>0</v>
      </c>
      <c r="AD132" s="4">
        <v>0</v>
      </c>
      <c r="AE132" s="4">
        <v>0</v>
      </c>
      <c r="AF132" s="4">
        <v>0</v>
      </c>
      <c r="AG132" s="4">
        <v>0</v>
      </c>
      <c r="AH132" s="4">
        <v>0</v>
      </c>
      <c r="AI132" s="4">
        <v>0</v>
      </c>
      <c r="AJ132" s="4">
        <v>0</v>
      </c>
      <c r="AK132" s="4">
        <v>60.199999999999996</v>
      </c>
      <c r="AL132" s="4">
        <v>0</v>
      </c>
      <c r="AM132" s="4">
        <v>0</v>
      </c>
      <c r="AN132" s="4">
        <v>0</v>
      </c>
      <c r="AO132" s="4">
        <v>0</v>
      </c>
      <c r="AP132" s="4">
        <v>0</v>
      </c>
      <c r="AQ132" s="4">
        <v>0</v>
      </c>
      <c r="AR132" s="4">
        <v>0</v>
      </c>
      <c r="AS132" s="4">
        <v>0</v>
      </c>
      <c r="AT132" s="4">
        <v>17.544</v>
      </c>
      <c r="AU132" s="4">
        <v>15.136000000000001</v>
      </c>
      <c r="AV132" s="4">
        <v>0</v>
      </c>
      <c r="AW132" s="4">
        <v>11.008000000000001</v>
      </c>
      <c r="AX132" s="4">
        <v>0</v>
      </c>
    </row>
    <row r="133" spans="1:50">
      <c r="G133" s="1"/>
      <c r="H133" s="4"/>
      <c r="I133" s="4"/>
      <c r="J133" s="4"/>
      <c r="K133" s="4"/>
      <c r="L133" s="4"/>
      <c r="M133" s="4"/>
      <c r="N133" s="4"/>
      <c r="O133" s="4"/>
      <c r="P133" s="4"/>
      <c r="Q133" s="4"/>
      <c r="R133" s="4"/>
      <c r="S133" s="4"/>
      <c r="T133" s="4"/>
      <c r="U133" s="4"/>
      <c r="V133" s="4"/>
      <c r="W133" s="4"/>
      <c r="X133" s="4"/>
      <c r="Y133" s="4"/>
      <c r="Z133" s="4"/>
      <c r="AA133" s="4"/>
      <c r="AB133" s="4"/>
      <c r="AC133" s="4"/>
      <c r="AD133" s="4"/>
      <c r="AE133" s="4"/>
      <c r="AF133" s="4"/>
      <c r="AG133" s="4"/>
      <c r="AH133" s="4"/>
      <c r="AI133" s="4"/>
      <c r="AJ133" s="4"/>
      <c r="AK133" s="4"/>
      <c r="AL133" s="4"/>
      <c r="AM133" s="4"/>
      <c r="AN133" s="4"/>
      <c r="AO133" s="4"/>
      <c r="AP133" s="4"/>
      <c r="AQ133" s="4"/>
      <c r="AR133" s="4"/>
      <c r="AS133" s="4"/>
      <c r="AT133" s="4"/>
      <c r="AU133" s="4"/>
      <c r="AV133" s="4"/>
      <c r="AW133" s="4"/>
      <c r="AX133" s="4"/>
    </row>
    <row r="134" spans="1:50">
      <c r="B134" t="s">
        <v>212</v>
      </c>
      <c r="E134" s="1"/>
      <c r="G134" s="1"/>
      <c r="H134" s="4">
        <v>486.28333333333336</v>
      </c>
      <c r="I134" s="4">
        <v>591.56038095238102</v>
      </c>
      <c r="J134" s="4">
        <v>570.93866666666679</v>
      </c>
      <c r="K134" s="4">
        <v>653.44523809523821</v>
      </c>
      <c r="L134" s="4">
        <v>673.79834054834055</v>
      </c>
      <c r="M134" s="4">
        <v>616.36031746031756</v>
      </c>
      <c r="N134" s="4">
        <v>344.59999999999997</v>
      </c>
      <c r="O134" s="4">
        <v>547.31619047619051</v>
      </c>
      <c r="P134" s="4">
        <v>580.53904761904755</v>
      </c>
      <c r="Q134" s="4">
        <v>492.61666666666667</v>
      </c>
      <c r="R134" s="4">
        <v>660.91619047619065</v>
      </c>
      <c r="S134" s="4">
        <v>720.01411255411256</v>
      </c>
      <c r="T134" s="4">
        <v>297.5866666666667</v>
      </c>
      <c r="U134" s="4">
        <v>633.52056277056283</v>
      </c>
      <c r="V134" s="4">
        <v>479.79999999999995</v>
      </c>
      <c r="W134" s="4">
        <v>442.20000000000005</v>
      </c>
      <c r="X134" s="4">
        <v>496.45980952380961</v>
      </c>
      <c r="Y134" s="4">
        <v>378.07809523809522</v>
      </c>
      <c r="Z134" s="4">
        <v>708.24761904761897</v>
      </c>
      <c r="AA134" s="4">
        <v>621.5866666666667</v>
      </c>
      <c r="AB134" s="4">
        <v>708.00506493506498</v>
      </c>
      <c r="AC134" s="4">
        <v>643.20000000000005</v>
      </c>
      <c r="AD134" s="4">
        <v>222.6</v>
      </c>
      <c r="AE134" s="4">
        <v>182.56</v>
      </c>
      <c r="AF134" s="4">
        <v>502.21460317460316</v>
      </c>
      <c r="AG134" s="4">
        <v>290.3257142857143</v>
      </c>
      <c r="AH134" s="4">
        <v>268.97333333333336</v>
      </c>
      <c r="AI134" s="4">
        <v>919.56317460317462</v>
      </c>
      <c r="AJ134" s="4">
        <v>676.02666666666676</v>
      </c>
      <c r="AK134" s="4">
        <v>198</v>
      </c>
      <c r="AL134" s="4">
        <v>298.048</v>
      </c>
      <c r="AM134" s="4">
        <v>4.7</v>
      </c>
      <c r="AN134" s="4">
        <v>585.86133333333328</v>
      </c>
      <c r="AO134" s="4">
        <v>528.15000000000009</v>
      </c>
      <c r="AP134" s="4">
        <v>921.08952380952383</v>
      </c>
      <c r="AQ134" s="4">
        <v>674.83428571428567</v>
      </c>
      <c r="AR134" s="4">
        <v>334.4</v>
      </c>
      <c r="AS134" s="4">
        <v>513.6</v>
      </c>
      <c r="AT134" s="4">
        <v>541.46466666666663</v>
      </c>
      <c r="AU134" s="4">
        <v>801.71742857142851</v>
      </c>
      <c r="AV134" s="4">
        <v>176.23454545454544</v>
      </c>
      <c r="AW134" s="4">
        <v>507.06200000000001</v>
      </c>
      <c r="AX134" s="4">
        <v>655.48333333333335</v>
      </c>
    </row>
    <row r="135" spans="1:50">
      <c r="F135">
        <v>4</v>
      </c>
      <c r="G135" t="s">
        <v>118</v>
      </c>
      <c r="H135" s="4">
        <v>1.05</v>
      </c>
      <c r="I135" s="4">
        <v>8.4</v>
      </c>
      <c r="J135" s="4">
        <v>2.0999999999999996</v>
      </c>
      <c r="K135" s="4">
        <v>1.05</v>
      </c>
      <c r="L135" s="4">
        <v>1.05</v>
      </c>
      <c r="M135" s="4">
        <v>1.05</v>
      </c>
      <c r="N135" s="4">
        <v>4.1999999999999993</v>
      </c>
      <c r="O135" s="4">
        <v>0</v>
      </c>
      <c r="P135" s="4">
        <v>12.6</v>
      </c>
      <c r="Q135" s="4">
        <v>1.05</v>
      </c>
      <c r="R135" s="4">
        <v>12.6</v>
      </c>
      <c r="S135" s="4">
        <v>0</v>
      </c>
      <c r="T135" s="4">
        <v>0</v>
      </c>
      <c r="U135" s="4">
        <v>1.05</v>
      </c>
      <c r="V135" s="4">
        <v>0</v>
      </c>
      <c r="W135" s="4">
        <v>0</v>
      </c>
      <c r="X135" s="4">
        <v>12.6</v>
      </c>
      <c r="Y135" s="4">
        <v>0</v>
      </c>
      <c r="Z135" s="4">
        <v>8.4</v>
      </c>
      <c r="AA135" s="4">
        <v>2.0999999999999996</v>
      </c>
      <c r="AB135" s="4">
        <v>2.0999999999999996</v>
      </c>
      <c r="AC135" s="4">
        <v>8.4</v>
      </c>
      <c r="AD135" s="4">
        <v>0</v>
      </c>
      <c r="AE135" s="4">
        <v>0</v>
      </c>
      <c r="AF135" s="4">
        <v>0</v>
      </c>
      <c r="AG135" s="4">
        <v>0</v>
      </c>
      <c r="AH135" s="4">
        <v>0</v>
      </c>
      <c r="AI135" s="4">
        <v>4.1999999999999993</v>
      </c>
      <c r="AJ135" s="4">
        <v>12.6</v>
      </c>
      <c r="AK135" s="4">
        <v>0</v>
      </c>
      <c r="AL135" s="4">
        <v>8.4</v>
      </c>
      <c r="AM135" s="4">
        <v>0</v>
      </c>
      <c r="AN135" s="4">
        <v>4.1999999999999993</v>
      </c>
      <c r="AO135" s="4">
        <v>1.05</v>
      </c>
      <c r="AP135" s="4">
        <v>4.1999999999999993</v>
      </c>
      <c r="AQ135" s="4">
        <v>8.4</v>
      </c>
      <c r="AR135" s="4">
        <v>0</v>
      </c>
      <c r="AS135" s="4">
        <v>0</v>
      </c>
      <c r="AT135" s="4">
        <v>1.05</v>
      </c>
      <c r="AU135" s="4">
        <v>1.05</v>
      </c>
      <c r="AV135" s="4">
        <v>0</v>
      </c>
      <c r="AW135" s="4">
        <v>1.05</v>
      </c>
      <c r="AX135" s="4">
        <v>0</v>
      </c>
    </row>
    <row r="136" spans="1:50">
      <c r="F136">
        <v>5</v>
      </c>
      <c r="G136" t="s">
        <v>122</v>
      </c>
      <c r="H136" s="4">
        <v>2.2000000000000002</v>
      </c>
      <c r="I136" s="4">
        <v>22</v>
      </c>
      <c r="J136" s="4">
        <v>8.7999999999999972</v>
      </c>
      <c r="K136" s="4">
        <v>2.2000000000000002</v>
      </c>
      <c r="L136" s="4">
        <v>4.3999999999999986</v>
      </c>
      <c r="M136" s="4">
        <v>2.2000000000000002</v>
      </c>
      <c r="N136" s="4">
        <v>6.6000000000000014</v>
      </c>
      <c r="O136" s="4">
        <v>6.6000000000000014</v>
      </c>
      <c r="P136" s="4">
        <v>30.799999999999997</v>
      </c>
      <c r="Q136" s="4">
        <v>2.2000000000000002</v>
      </c>
      <c r="R136" s="4">
        <v>30.799999999999997</v>
      </c>
      <c r="S136" s="4">
        <v>2.2000000000000002</v>
      </c>
      <c r="T136" s="4">
        <v>0</v>
      </c>
      <c r="U136" s="4">
        <v>2.2000000000000002</v>
      </c>
      <c r="V136" s="4">
        <v>6.6000000000000014</v>
      </c>
      <c r="W136" s="4">
        <v>4.3999999999999986</v>
      </c>
      <c r="X136" s="4">
        <v>30.799999999999997</v>
      </c>
      <c r="Y136" s="4">
        <v>0</v>
      </c>
      <c r="Z136" s="4">
        <v>22</v>
      </c>
      <c r="AA136" s="4">
        <v>4.3999999999999986</v>
      </c>
      <c r="AB136" s="4">
        <v>8.7999999999999972</v>
      </c>
      <c r="AC136" s="4">
        <v>22</v>
      </c>
      <c r="AD136" s="4">
        <v>0</v>
      </c>
      <c r="AE136" s="4">
        <v>39.6</v>
      </c>
      <c r="AF136" s="4">
        <v>0</v>
      </c>
      <c r="AG136" s="4">
        <v>0</v>
      </c>
      <c r="AH136" s="4">
        <v>4.3999999999999986</v>
      </c>
      <c r="AI136" s="4">
        <v>13.200000000000003</v>
      </c>
      <c r="AJ136" s="4">
        <v>30.799999999999997</v>
      </c>
      <c r="AK136" s="4">
        <v>0</v>
      </c>
      <c r="AL136" s="4">
        <v>22</v>
      </c>
      <c r="AM136" s="4">
        <v>2.2000000000000002</v>
      </c>
      <c r="AN136" s="4">
        <v>13.200000000000003</v>
      </c>
      <c r="AO136" s="4">
        <v>2.2000000000000002</v>
      </c>
      <c r="AP136" s="4">
        <v>13.200000000000003</v>
      </c>
      <c r="AQ136" s="4">
        <v>22</v>
      </c>
      <c r="AR136" s="4">
        <v>0</v>
      </c>
      <c r="AS136" s="4">
        <v>15.399999999999999</v>
      </c>
      <c r="AT136" s="4">
        <v>2.2000000000000002</v>
      </c>
      <c r="AU136" s="4">
        <v>4.3999999999999986</v>
      </c>
      <c r="AV136" s="4">
        <v>0</v>
      </c>
      <c r="AW136" s="4">
        <v>2.2000000000000002</v>
      </c>
      <c r="AX136" s="4">
        <v>0</v>
      </c>
    </row>
    <row r="137" spans="1:50">
      <c r="F137">
        <v>6</v>
      </c>
      <c r="G137" t="s">
        <v>127</v>
      </c>
      <c r="H137" s="4">
        <v>2.3000000000000003</v>
      </c>
      <c r="I137" s="4">
        <v>27.599999999999998</v>
      </c>
      <c r="J137" s="4">
        <v>13.800000000000002</v>
      </c>
      <c r="K137" s="4">
        <v>2.3000000000000003</v>
      </c>
      <c r="L137" s="4">
        <v>9.1999999999999975</v>
      </c>
      <c r="M137" s="4">
        <v>4.5999999999999988</v>
      </c>
      <c r="N137" s="4">
        <v>9.2000000000000011</v>
      </c>
      <c r="O137" s="4">
        <v>18.400000000000002</v>
      </c>
      <c r="P137" s="4">
        <v>36.800000000000004</v>
      </c>
      <c r="Q137" s="4">
        <v>2.3000000000000003</v>
      </c>
      <c r="R137" s="4">
        <v>36.800000000000004</v>
      </c>
      <c r="S137" s="4">
        <v>2.2999999999999994</v>
      </c>
      <c r="T137" s="4">
        <v>4.5999999999999988</v>
      </c>
      <c r="U137" s="4">
        <v>2.3000000000000003</v>
      </c>
      <c r="V137" s="4">
        <v>18.400000000000002</v>
      </c>
      <c r="W137" s="4">
        <v>13.800000000000002</v>
      </c>
      <c r="X137" s="4">
        <v>36.800000000000004</v>
      </c>
      <c r="Y137" s="4">
        <v>13.799999999999999</v>
      </c>
      <c r="Z137" s="4">
        <v>27.599999999999998</v>
      </c>
      <c r="AA137" s="4">
        <v>13.800000000000002</v>
      </c>
      <c r="AB137" s="4">
        <v>13.800000000000002</v>
      </c>
      <c r="AC137" s="4">
        <v>27.599999999999998</v>
      </c>
      <c r="AD137" s="4">
        <v>0</v>
      </c>
      <c r="AE137" s="4">
        <v>23</v>
      </c>
      <c r="AF137" s="4">
        <v>9.2000000000000011</v>
      </c>
      <c r="AG137" s="4">
        <v>0</v>
      </c>
      <c r="AH137" s="4">
        <v>13.800000000000002</v>
      </c>
      <c r="AI137" s="4">
        <v>18.400000000000002</v>
      </c>
      <c r="AJ137" s="4">
        <v>36.800000000000004</v>
      </c>
      <c r="AK137" s="4">
        <v>0</v>
      </c>
      <c r="AL137" s="4">
        <v>27.599999999999998</v>
      </c>
      <c r="AM137" s="4">
        <v>0</v>
      </c>
      <c r="AN137" s="4">
        <v>18.400000000000002</v>
      </c>
      <c r="AO137" s="4">
        <v>2.2999999999999994</v>
      </c>
      <c r="AP137" s="4">
        <v>18.400000000000002</v>
      </c>
      <c r="AQ137" s="4">
        <v>27.599999999999998</v>
      </c>
      <c r="AR137" s="4">
        <v>0</v>
      </c>
      <c r="AS137" s="4">
        <v>36.800000000000004</v>
      </c>
      <c r="AT137" s="4">
        <v>2.3000000000000003</v>
      </c>
      <c r="AU137" s="4">
        <v>9.1999999999999975</v>
      </c>
      <c r="AV137" s="4">
        <v>0</v>
      </c>
      <c r="AW137" s="4">
        <v>2.3000000000000003</v>
      </c>
      <c r="AX137" s="4">
        <v>6.9000000000000012</v>
      </c>
    </row>
    <row r="138" spans="1:50">
      <c r="F138">
        <v>7</v>
      </c>
      <c r="G138" t="s">
        <v>103</v>
      </c>
      <c r="H138" s="4">
        <v>4.7999999999999989</v>
      </c>
      <c r="I138" s="4">
        <v>33.599999999999994</v>
      </c>
      <c r="J138" s="4">
        <v>9.6000000000000014</v>
      </c>
      <c r="K138" s="4">
        <v>4.7999999999999989</v>
      </c>
      <c r="L138" s="4">
        <v>14.400000000000002</v>
      </c>
      <c r="M138" s="4">
        <v>9.5999999999999979</v>
      </c>
      <c r="N138" s="4">
        <v>12</v>
      </c>
      <c r="O138" s="4">
        <v>24</v>
      </c>
      <c r="P138" s="4">
        <v>43.2</v>
      </c>
      <c r="Q138" s="4">
        <v>4.7999999999999989</v>
      </c>
      <c r="R138" s="4">
        <v>43.2</v>
      </c>
      <c r="S138" s="4">
        <v>9.5999999999999979</v>
      </c>
      <c r="T138" s="4">
        <v>0</v>
      </c>
      <c r="U138" s="4">
        <v>4.7999999999999989</v>
      </c>
      <c r="V138" s="4">
        <v>24</v>
      </c>
      <c r="W138" s="4">
        <v>19.200000000000003</v>
      </c>
      <c r="X138" s="4">
        <v>43.2</v>
      </c>
      <c r="Y138" s="4">
        <v>33.599999999999994</v>
      </c>
      <c r="Z138" s="4">
        <v>33.599999999999994</v>
      </c>
      <c r="AA138" s="4">
        <v>19.200000000000003</v>
      </c>
      <c r="AB138" s="4">
        <v>19.200000000000003</v>
      </c>
      <c r="AC138" s="4">
        <v>33.599999999999994</v>
      </c>
      <c r="AD138" s="4">
        <v>0</v>
      </c>
      <c r="AE138" s="4">
        <v>26.400000000000002</v>
      </c>
      <c r="AF138" s="4">
        <v>0</v>
      </c>
      <c r="AG138" s="4">
        <v>0</v>
      </c>
      <c r="AH138" s="4">
        <v>19.200000000000003</v>
      </c>
      <c r="AI138" s="4">
        <v>24</v>
      </c>
      <c r="AJ138" s="4">
        <v>43.2</v>
      </c>
      <c r="AK138" s="4">
        <v>0</v>
      </c>
      <c r="AL138" s="4">
        <v>30.24</v>
      </c>
      <c r="AM138" s="4">
        <v>1.2000000000000002</v>
      </c>
      <c r="AN138" s="4">
        <v>24</v>
      </c>
      <c r="AO138" s="4">
        <v>4.7999999999999989</v>
      </c>
      <c r="AP138" s="4">
        <v>24</v>
      </c>
      <c r="AQ138" s="4">
        <v>33.599999999999994</v>
      </c>
      <c r="AR138" s="4">
        <v>0</v>
      </c>
      <c r="AS138" s="4">
        <v>21.6</v>
      </c>
      <c r="AT138" s="4">
        <v>2.4000000000000004</v>
      </c>
      <c r="AU138" s="4">
        <v>14.400000000000002</v>
      </c>
      <c r="AV138" s="4">
        <v>0</v>
      </c>
      <c r="AW138" s="4">
        <v>2.4000000000000004</v>
      </c>
      <c r="AX138" s="4">
        <v>9.6000000000000014</v>
      </c>
    </row>
    <row r="139" spans="1:50">
      <c r="F139">
        <v>8</v>
      </c>
      <c r="G139" t="s">
        <v>137</v>
      </c>
      <c r="H139" s="4">
        <v>9.9999999999999982</v>
      </c>
      <c r="I139" s="4">
        <v>40</v>
      </c>
      <c r="J139" s="4">
        <v>25</v>
      </c>
      <c r="K139" s="4">
        <v>9.9999999999999982</v>
      </c>
      <c r="L139" s="4">
        <v>20</v>
      </c>
      <c r="M139" s="4">
        <v>15.000000000000002</v>
      </c>
      <c r="N139" s="4">
        <v>15</v>
      </c>
      <c r="O139" s="4">
        <v>30</v>
      </c>
      <c r="P139" s="4">
        <v>50</v>
      </c>
      <c r="Q139" s="4">
        <v>9.9999999999999982</v>
      </c>
      <c r="R139" s="4">
        <v>50</v>
      </c>
      <c r="S139" s="4">
        <v>15.000000000000002</v>
      </c>
      <c r="T139" s="4">
        <v>20</v>
      </c>
      <c r="U139" s="4">
        <v>9.9999999999999982</v>
      </c>
      <c r="V139" s="4">
        <v>30</v>
      </c>
      <c r="W139" s="4">
        <v>25</v>
      </c>
      <c r="X139" s="4">
        <v>50</v>
      </c>
      <c r="Y139" s="4">
        <v>20</v>
      </c>
      <c r="Z139" s="4">
        <v>40</v>
      </c>
      <c r="AA139" s="4">
        <v>25</v>
      </c>
      <c r="AB139" s="4">
        <v>25</v>
      </c>
      <c r="AC139" s="4">
        <v>40</v>
      </c>
      <c r="AD139" s="4">
        <v>0</v>
      </c>
      <c r="AE139" s="4">
        <v>30</v>
      </c>
      <c r="AF139" s="4">
        <v>30</v>
      </c>
      <c r="AG139" s="4">
        <v>0</v>
      </c>
      <c r="AH139" s="4">
        <v>12.5</v>
      </c>
      <c r="AI139" s="4">
        <v>30</v>
      </c>
      <c r="AJ139" s="4">
        <v>50</v>
      </c>
      <c r="AK139" s="4">
        <v>0</v>
      </c>
      <c r="AL139" s="4">
        <v>40</v>
      </c>
      <c r="AM139" s="4">
        <v>0</v>
      </c>
      <c r="AN139" s="4">
        <v>30</v>
      </c>
      <c r="AO139" s="4">
        <v>15.000000000000002</v>
      </c>
      <c r="AP139" s="4">
        <v>30</v>
      </c>
      <c r="AQ139" s="4">
        <v>40</v>
      </c>
      <c r="AR139" s="4">
        <v>0</v>
      </c>
      <c r="AS139" s="4">
        <v>25</v>
      </c>
      <c r="AT139" s="4">
        <v>2.5</v>
      </c>
      <c r="AU139" s="4">
        <v>20</v>
      </c>
      <c r="AV139" s="4">
        <v>0</v>
      </c>
      <c r="AW139" s="4">
        <v>2.5</v>
      </c>
      <c r="AX139" s="4">
        <v>12.5</v>
      </c>
    </row>
    <row r="140" spans="1:50">
      <c r="F140">
        <v>9</v>
      </c>
      <c r="G140" t="s">
        <v>101</v>
      </c>
      <c r="H140" s="4">
        <v>15.600000000000001</v>
      </c>
      <c r="I140" s="4">
        <v>46.800000000000004</v>
      </c>
      <c r="J140" s="4">
        <v>31.2</v>
      </c>
      <c r="K140" s="4">
        <v>15.600000000000001</v>
      </c>
      <c r="L140" s="4">
        <v>26</v>
      </c>
      <c r="M140" s="4">
        <v>20.8</v>
      </c>
      <c r="N140" s="4">
        <v>18.2</v>
      </c>
      <c r="O140" s="4">
        <v>36.4</v>
      </c>
      <c r="P140" s="4">
        <v>57.2</v>
      </c>
      <c r="Q140" s="4">
        <v>15.600000000000001</v>
      </c>
      <c r="R140" s="4">
        <v>57.2</v>
      </c>
      <c r="S140" s="4">
        <v>20.8</v>
      </c>
      <c r="T140" s="4">
        <v>26</v>
      </c>
      <c r="U140" s="4">
        <v>15.600000000000001</v>
      </c>
      <c r="V140" s="4">
        <v>36.4</v>
      </c>
      <c r="W140" s="4">
        <v>31.2</v>
      </c>
      <c r="X140" s="4">
        <v>57.2</v>
      </c>
      <c r="Y140" s="4">
        <v>46.800000000000004</v>
      </c>
      <c r="Z140" s="4">
        <v>46.800000000000004</v>
      </c>
      <c r="AA140" s="4">
        <v>31.2</v>
      </c>
      <c r="AB140" s="4">
        <v>31.2</v>
      </c>
      <c r="AC140" s="4">
        <v>46.800000000000004</v>
      </c>
      <c r="AD140" s="4">
        <v>0</v>
      </c>
      <c r="AE140" s="4">
        <v>33.800000000000004</v>
      </c>
      <c r="AF140" s="4">
        <v>0</v>
      </c>
      <c r="AG140" s="4">
        <v>0</v>
      </c>
      <c r="AH140" s="4">
        <v>31.2</v>
      </c>
      <c r="AI140" s="4">
        <v>36.4</v>
      </c>
      <c r="AJ140" s="4">
        <v>57.2</v>
      </c>
      <c r="AK140" s="4">
        <v>0</v>
      </c>
      <c r="AL140" s="4">
        <v>29.64</v>
      </c>
      <c r="AM140" s="4">
        <v>1.3</v>
      </c>
      <c r="AN140" s="4">
        <v>36.4</v>
      </c>
      <c r="AO140" s="4">
        <v>10.4</v>
      </c>
      <c r="AP140" s="4">
        <v>36.4</v>
      </c>
      <c r="AQ140" s="4">
        <v>46.800000000000004</v>
      </c>
      <c r="AR140" s="4">
        <v>0</v>
      </c>
      <c r="AS140" s="4">
        <v>28.6</v>
      </c>
      <c r="AT140" s="4">
        <v>2.6</v>
      </c>
      <c r="AU140" s="4">
        <v>26</v>
      </c>
      <c r="AV140" s="4">
        <v>0</v>
      </c>
      <c r="AW140" s="4">
        <v>2.6</v>
      </c>
      <c r="AX140" s="4">
        <v>31.2</v>
      </c>
    </row>
    <row r="141" spans="1:50">
      <c r="F141">
        <v>10</v>
      </c>
      <c r="G141" t="s">
        <v>147</v>
      </c>
      <c r="H141" s="4">
        <v>21.6</v>
      </c>
      <c r="I141" s="4">
        <v>54</v>
      </c>
      <c r="J141" s="4">
        <v>18.899999999999999</v>
      </c>
      <c r="K141" s="4">
        <v>21.6</v>
      </c>
      <c r="L141" s="4">
        <v>32.4</v>
      </c>
      <c r="M141" s="4">
        <v>27</v>
      </c>
      <c r="N141" s="4">
        <v>43.2</v>
      </c>
      <c r="O141" s="4">
        <v>43.2</v>
      </c>
      <c r="P141" s="4">
        <v>64.8</v>
      </c>
      <c r="Q141" s="4">
        <v>21.6</v>
      </c>
      <c r="R141" s="4">
        <v>64.8</v>
      </c>
      <c r="S141" s="4">
        <v>27</v>
      </c>
      <c r="T141" s="4">
        <v>32.4</v>
      </c>
      <c r="U141" s="4">
        <v>21.6</v>
      </c>
      <c r="V141" s="4">
        <v>43.2</v>
      </c>
      <c r="W141" s="4">
        <v>37.799999999999997</v>
      </c>
      <c r="X141" s="4">
        <v>51.84</v>
      </c>
      <c r="Y141" s="4">
        <v>48.6</v>
      </c>
      <c r="Z141" s="4">
        <v>54</v>
      </c>
      <c r="AA141" s="4">
        <v>37.799999999999997</v>
      </c>
      <c r="AB141" s="4">
        <v>37.799999999999997</v>
      </c>
      <c r="AC141" s="4">
        <v>54</v>
      </c>
      <c r="AD141" s="4">
        <v>0</v>
      </c>
      <c r="AE141" s="4">
        <v>0</v>
      </c>
      <c r="AF141" s="4">
        <v>21.6</v>
      </c>
      <c r="AG141" s="4">
        <v>0</v>
      </c>
      <c r="AH141" s="4">
        <v>18.899999999999999</v>
      </c>
      <c r="AI141" s="4">
        <v>43.2</v>
      </c>
      <c r="AJ141" s="4">
        <v>64.8</v>
      </c>
      <c r="AK141" s="4">
        <v>0</v>
      </c>
      <c r="AL141" s="4">
        <v>48.6</v>
      </c>
      <c r="AM141" s="4">
        <v>0</v>
      </c>
      <c r="AN141" s="4">
        <v>43.2</v>
      </c>
      <c r="AO141" s="4">
        <v>13.5</v>
      </c>
      <c r="AP141" s="4">
        <v>43.2</v>
      </c>
      <c r="AQ141" s="4">
        <v>54</v>
      </c>
      <c r="AR141" s="4">
        <v>0</v>
      </c>
      <c r="AS141" s="4">
        <v>32.4</v>
      </c>
      <c r="AT141" s="4">
        <v>5.3999999999999986</v>
      </c>
      <c r="AU141" s="4">
        <v>32.4</v>
      </c>
      <c r="AV141" s="4">
        <v>0</v>
      </c>
      <c r="AW141" s="4">
        <v>2.7</v>
      </c>
      <c r="AX141" s="4">
        <v>37.799999999999997</v>
      </c>
    </row>
    <row r="142" spans="1:50">
      <c r="F142">
        <v>11</v>
      </c>
      <c r="G142" t="s">
        <v>95</v>
      </c>
      <c r="H142" s="4">
        <v>28</v>
      </c>
      <c r="I142" s="4">
        <v>61.600000000000009</v>
      </c>
      <c r="J142" s="4">
        <v>44.800000000000004</v>
      </c>
      <c r="K142" s="4">
        <v>28</v>
      </c>
      <c r="L142" s="4">
        <v>39.199999999999996</v>
      </c>
      <c r="M142" s="4">
        <v>33.6</v>
      </c>
      <c r="N142" s="4">
        <v>50.4</v>
      </c>
      <c r="O142" s="4">
        <v>50.4</v>
      </c>
      <c r="P142" s="4">
        <v>57.2</v>
      </c>
      <c r="Q142" s="4">
        <v>28</v>
      </c>
      <c r="R142" s="4">
        <v>72.8</v>
      </c>
      <c r="S142" s="4">
        <v>33.6</v>
      </c>
      <c r="T142" s="4">
        <v>39.199999999999996</v>
      </c>
      <c r="U142" s="4">
        <v>28</v>
      </c>
      <c r="V142" s="4">
        <v>50.4</v>
      </c>
      <c r="W142" s="4">
        <v>44.800000000000004</v>
      </c>
      <c r="X142" s="4">
        <v>53.872</v>
      </c>
      <c r="Y142" s="4">
        <v>30.800000000000004</v>
      </c>
      <c r="Z142" s="4">
        <v>61.600000000000009</v>
      </c>
      <c r="AA142" s="4">
        <v>44.800000000000004</v>
      </c>
      <c r="AB142" s="4">
        <v>44.800000000000004</v>
      </c>
      <c r="AC142" s="4">
        <v>61.600000000000009</v>
      </c>
      <c r="AD142" s="4">
        <v>0</v>
      </c>
      <c r="AE142" s="4">
        <v>0</v>
      </c>
      <c r="AF142" s="4">
        <v>25.2</v>
      </c>
      <c r="AG142" s="4">
        <v>0</v>
      </c>
      <c r="AH142" s="4">
        <v>44.800000000000004</v>
      </c>
      <c r="AI142" s="4">
        <v>50.4</v>
      </c>
      <c r="AJ142" s="4">
        <v>72.8</v>
      </c>
      <c r="AK142" s="4">
        <v>0</v>
      </c>
      <c r="AL142" s="4">
        <v>34.496000000000009</v>
      </c>
      <c r="AM142" s="4">
        <v>0</v>
      </c>
      <c r="AN142" s="4">
        <v>50.4</v>
      </c>
      <c r="AO142" s="4">
        <v>33.6</v>
      </c>
      <c r="AP142" s="4">
        <v>50.4</v>
      </c>
      <c r="AQ142" s="4">
        <v>61.600000000000009</v>
      </c>
      <c r="AR142" s="4">
        <v>0</v>
      </c>
      <c r="AS142" s="4">
        <v>72.8</v>
      </c>
      <c r="AT142" s="4">
        <v>11.199999999999998</v>
      </c>
      <c r="AU142" s="4">
        <v>39.199999999999996</v>
      </c>
      <c r="AV142" s="4">
        <v>0</v>
      </c>
      <c r="AW142" s="4">
        <v>5.5999999999999988</v>
      </c>
      <c r="AX142" s="4">
        <v>22.400000000000002</v>
      </c>
    </row>
    <row r="143" spans="1:50">
      <c r="F143">
        <v>12</v>
      </c>
      <c r="G143" t="s">
        <v>157</v>
      </c>
      <c r="H143" s="4">
        <v>34.799999999999997</v>
      </c>
      <c r="I143" s="4">
        <v>69.599999999999994</v>
      </c>
      <c r="J143" s="4">
        <v>52.2</v>
      </c>
      <c r="K143" s="4">
        <v>34.799999999999997</v>
      </c>
      <c r="L143" s="4">
        <v>46.400000000000006</v>
      </c>
      <c r="M143" s="4">
        <v>40.599999999999994</v>
      </c>
      <c r="N143" s="4">
        <v>58</v>
      </c>
      <c r="O143" s="4">
        <v>58</v>
      </c>
      <c r="P143" s="4">
        <v>81.199999999999989</v>
      </c>
      <c r="Q143" s="4">
        <v>34.799999999999997</v>
      </c>
      <c r="R143" s="4">
        <v>81.199999999999989</v>
      </c>
      <c r="S143" s="4">
        <v>40.599999999999994</v>
      </c>
      <c r="T143" s="4">
        <v>46.400000000000006</v>
      </c>
      <c r="U143" s="4">
        <v>34.799999999999997</v>
      </c>
      <c r="V143" s="4">
        <v>58</v>
      </c>
      <c r="W143" s="4">
        <v>52.2</v>
      </c>
      <c r="X143" s="4">
        <v>66.584000000000003</v>
      </c>
      <c r="Y143" s="4">
        <v>69.599999999999994</v>
      </c>
      <c r="Z143" s="4">
        <v>69.599999999999994</v>
      </c>
      <c r="AA143" s="4">
        <v>52.2</v>
      </c>
      <c r="AB143" s="4">
        <v>52.2</v>
      </c>
      <c r="AC143" s="4">
        <v>69.599999999999994</v>
      </c>
      <c r="AD143" s="4">
        <v>0</v>
      </c>
      <c r="AE143" s="4">
        <v>0</v>
      </c>
      <c r="AF143" s="4">
        <v>58</v>
      </c>
      <c r="AG143" s="4">
        <v>0</v>
      </c>
      <c r="AH143" s="4">
        <v>52.2</v>
      </c>
      <c r="AI143" s="4">
        <v>58</v>
      </c>
      <c r="AJ143" s="4">
        <v>81.199999999999989</v>
      </c>
      <c r="AK143" s="4">
        <v>0</v>
      </c>
      <c r="AL143" s="4">
        <v>57.072000000000003</v>
      </c>
      <c r="AM143" s="4">
        <v>0</v>
      </c>
      <c r="AN143" s="4">
        <v>58</v>
      </c>
      <c r="AO143" s="4">
        <v>40.599999999999994</v>
      </c>
      <c r="AP143" s="4">
        <v>58</v>
      </c>
      <c r="AQ143" s="4">
        <v>69.599999999999994</v>
      </c>
      <c r="AR143" s="4">
        <v>17.399999999999999</v>
      </c>
      <c r="AS143" s="4">
        <v>40.599999999999994</v>
      </c>
      <c r="AT143" s="4">
        <v>17.400000000000002</v>
      </c>
      <c r="AU143" s="4">
        <v>46.400000000000006</v>
      </c>
      <c r="AV143" s="4">
        <v>0</v>
      </c>
      <c r="AW143" s="4">
        <v>11.599999999999998</v>
      </c>
      <c r="AX143" s="4">
        <v>52.2</v>
      </c>
    </row>
    <row r="144" spans="1:50">
      <c r="F144">
        <v>13</v>
      </c>
      <c r="G144" t="s">
        <v>100</v>
      </c>
      <c r="H144" s="4">
        <v>42</v>
      </c>
      <c r="I144" s="4">
        <v>78</v>
      </c>
      <c r="J144" s="4">
        <v>60</v>
      </c>
      <c r="K144" s="4">
        <v>42</v>
      </c>
      <c r="L144" s="4">
        <v>54</v>
      </c>
      <c r="M144" s="4">
        <v>48</v>
      </c>
      <c r="N144" s="4">
        <v>33</v>
      </c>
      <c r="O144" s="4">
        <v>33</v>
      </c>
      <c r="P144" s="4">
        <v>90</v>
      </c>
      <c r="Q144" s="4">
        <v>42</v>
      </c>
      <c r="R144" s="4">
        <v>90</v>
      </c>
      <c r="S144" s="4">
        <v>48</v>
      </c>
      <c r="T144" s="4">
        <v>54</v>
      </c>
      <c r="U144" s="4">
        <v>42</v>
      </c>
      <c r="V144" s="4">
        <v>66</v>
      </c>
      <c r="W144" s="4">
        <v>60</v>
      </c>
      <c r="X144" s="4">
        <v>45</v>
      </c>
      <c r="Y144" s="4">
        <v>57.72</v>
      </c>
      <c r="Z144" s="4">
        <v>78</v>
      </c>
      <c r="AA144" s="4">
        <v>60</v>
      </c>
      <c r="AB144" s="4">
        <v>60</v>
      </c>
      <c r="AC144" s="4">
        <v>78</v>
      </c>
      <c r="AD144" s="4">
        <v>0</v>
      </c>
      <c r="AE144" s="4">
        <v>0</v>
      </c>
      <c r="AF144" s="4">
        <v>15.085714285714285</v>
      </c>
      <c r="AG144" s="4">
        <v>30</v>
      </c>
      <c r="AH144" s="4">
        <v>30</v>
      </c>
      <c r="AI144" s="4">
        <v>66</v>
      </c>
      <c r="AJ144" s="4">
        <v>90</v>
      </c>
      <c r="AK144" s="4">
        <v>0</v>
      </c>
      <c r="AL144" s="4">
        <v>0</v>
      </c>
      <c r="AM144" s="4">
        <v>0</v>
      </c>
      <c r="AN144" s="4">
        <v>66</v>
      </c>
      <c r="AO144" s="4">
        <v>48</v>
      </c>
      <c r="AP144" s="4">
        <v>66</v>
      </c>
      <c r="AQ144" s="4">
        <v>78</v>
      </c>
      <c r="AR144" s="4">
        <v>0</v>
      </c>
      <c r="AS144" s="4">
        <v>45</v>
      </c>
      <c r="AT144" s="4">
        <v>24</v>
      </c>
      <c r="AU144" s="4">
        <v>54</v>
      </c>
      <c r="AV144" s="4">
        <v>0</v>
      </c>
      <c r="AW144" s="4">
        <v>18.000000000000004</v>
      </c>
      <c r="AX144" s="4">
        <v>30</v>
      </c>
    </row>
    <row r="145" spans="2:50">
      <c r="F145">
        <v>14</v>
      </c>
      <c r="G145" t="s">
        <v>97</v>
      </c>
      <c r="H145" s="4">
        <v>49.6</v>
      </c>
      <c r="I145" s="4">
        <v>37.034666666666659</v>
      </c>
      <c r="J145" s="4">
        <v>61.38000000000001</v>
      </c>
      <c r="K145" s="4">
        <v>49.6</v>
      </c>
      <c r="L145" s="4">
        <v>62</v>
      </c>
      <c r="M145" s="4">
        <v>55.800000000000004</v>
      </c>
      <c r="N145" s="4">
        <v>74.399999999999991</v>
      </c>
      <c r="O145" s="4">
        <v>37.199999999999996</v>
      </c>
      <c r="P145" s="4">
        <v>36.373333333333335</v>
      </c>
      <c r="Q145" s="4">
        <v>49.6</v>
      </c>
      <c r="R145" s="4">
        <v>41.333333333333336</v>
      </c>
      <c r="S145" s="4">
        <v>55.800000000000004</v>
      </c>
      <c r="T145" s="4">
        <v>16.533333333333335</v>
      </c>
      <c r="U145" s="4">
        <v>49.6</v>
      </c>
      <c r="V145" s="4">
        <v>37.199999999999996</v>
      </c>
      <c r="W145" s="4">
        <v>34.1</v>
      </c>
      <c r="X145" s="4">
        <v>13.226666666666667</v>
      </c>
      <c r="Y145" s="4">
        <v>11.573333333333331</v>
      </c>
      <c r="Z145" s="4">
        <v>86.8</v>
      </c>
      <c r="AA145" s="4">
        <v>68.2</v>
      </c>
      <c r="AB145" s="4">
        <v>61.38000000000001</v>
      </c>
      <c r="AC145" s="4">
        <v>0</v>
      </c>
      <c r="AD145" s="4">
        <v>0</v>
      </c>
      <c r="AE145" s="4">
        <v>29.759999999999998</v>
      </c>
      <c r="AF145" s="4">
        <v>74.399999999999991</v>
      </c>
      <c r="AG145" s="4">
        <v>0</v>
      </c>
      <c r="AH145" s="4">
        <v>0</v>
      </c>
      <c r="AI145" s="4">
        <v>74.399999999999991</v>
      </c>
      <c r="AJ145" s="4">
        <v>26.453333333333333</v>
      </c>
      <c r="AK145" s="4">
        <v>0</v>
      </c>
      <c r="AL145" s="4">
        <v>0</v>
      </c>
      <c r="AM145" s="4">
        <v>0</v>
      </c>
      <c r="AN145" s="4">
        <v>61.007999999999996</v>
      </c>
      <c r="AO145" s="4">
        <v>27.900000000000002</v>
      </c>
      <c r="AP145" s="4">
        <v>74.399999999999991</v>
      </c>
      <c r="AQ145" s="4">
        <v>86.8</v>
      </c>
      <c r="AR145" s="4">
        <v>24.8</v>
      </c>
      <c r="AS145" s="4">
        <v>13.226666666666668</v>
      </c>
      <c r="AT145" s="4">
        <v>31</v>
      </c>
      <c r="AU145" s="4">
        <v>62</v>
      </c>
      <c r="AV145" s="4">
        <v>0</v>
      </c>
      <c r="AW145" s="4">
        <v>24.8</v>
      </c>
      <c r="AX145" s="4">
        <v>68.2</v>
      </c>
    </row>
    <row r="146" spans="2:50">
      <c r="F146">
        <v>15</v>
      </c>
      <c r="G146" t="s">
        <v>98</v>
      </c>
      <c r="H146" s="4">
        <v>57.6</v>
      </c>
      <c r="I146" s="4">
        <v>30.720000000000002</v>
      </c>
      <c r="J146" s="4">
        <v>76.8</v>
      </c>
      <c r="K146" s="4">
        <v>57.6</v>
      </c>
      <c r="L146" s="4">
        <v>70.400000000000006</v>
      </c>
      <c r="M146" s="4">
        <v>64</v>
      </c>
      <c r="N146" s="4">
        <v>0</v>
      </c>
      <c r="O146" s="4">
        <v>69.333333333333343</v>
      </c>
      <c r="P146" s="4">
        <v>0</v>
      </c>
      <c r="Q146" s="4">
        <v>57.6</v>
      </c>
      <c r="R146" s="4">
        <v>29.013333333333332</v>
      </c>
      <c r="S146" s="4">
        <v>64</v>
      </c>
      <c r="T146" s="4">
        <v>32.853333333333339</v>
      </c>
      <c r="U146" s="4">
        <v>57.6</v>
      </c>
      <c r="V146" s="4">
        <v>83.2</v>
      </c>
      <c r="W146" s="4">
        <v>76.8</v>
      </c>
      <c r="X146" s="4">
        <v>21.76</v>
      </c>
      <c r="Y146" s="4">
        <v>0</v>
      </c>
      <c r="Z146" s="4">
        <v>96</v>
      </c>
      <c r="AA146" s="4">
        <v>76.8</v>
      </c>
      <c r="AB146" s="4">
        <v>76.8</v>
      </c>
      <c r="AC146" s="4">
        <v>96</v>
      </c>
      <c r="AD146" s="4">
        <v>0</v>
      </c>
      <c r="AE146" s="4">
        <v>0</v>
      </c>
      <c r="AF146" s="4">
        <v>69.333333333333343</v>
      </c>
      <c r="AG146" s="4">
        <v>69.12</v>
      </c>
      <c r="AH146" s="4">
        <v>10.24</v>
      </c>
      <c r="AI146" s="4">
        <v>83.2</v>
      </c>
      <c r="AJ146" s="4">
        <v>50.773333333333333</v>
      </c>
      <c r="AK146" s="4">
        <v>0</v>
      </c>
      <c r="AL146" s="4">
        <v>0</v>
      </c>
      <c r="AM146" s="4">
        <v>0</v>
      </c>
      <c r="AN146" s="4">
        <v>61.013333333333335</v>
      </c>
      <c r="AO146" s="4">
        <v>64</v>
      </c>
      <c r="AP146" s="4">
        <v>83.2</v>
      </c>
      <c r="AQ146" s="4">
        <v>43.519999999999996</v>
      </c>
      <c r="AR146" s="4">
        <v>57.6</v>
      </c>
      <c r="AS146" s="4">
        <v>39.167999999999999</v>
      </c>
      <c r="AT146" s="4">
        <v>38.4</v>
      </c>
      <c r="AU146" s="4">
        <v>70.400000000000006</v>
      </c>
      <c r="AV146" s="4">
        <v>25.6</v>
      </c>
      <c r="AW146" s="4">
        <v>32</v>
      </c>
      <c r="AX146" s="4">
        <v>76.8</v>
      </c>
    </row>
    <row r="147" spans="2:50">
      <c r="F147">
        <v>16</v>
      </c>
      <c r="G147" t="s">
        <v>99</v>
      </c>
      <c r="H147" s="4">
        <v>66</v>
      </c>
      <c r="I147" s="4">
        <v>36.205714285714286</v>
      </c>
      <c r="J147" s="4">
        <v>77.22</v>
      </c>
      <c r="K147" s="4">
        <v>66</v>
      </c>
      <c r="L147" s="4">
        <v>79.2</v>
      </c>
      <c r="M147" s="4">
        <v>72.600000000000009</v>
      </c>
      <c r="N147" s="4">
        <v>0</v>
      </c>
      <c r="O147" s="4">
        <v>46.199999999999996</v>
      </c>
      <c r="P147" s="4">
        <v>20.365714285714287</v>
      </c>
      <c r="Q147" s="4">
        <v>66</v>
      </c>
      <c r="R147" s="4">
        <v>33.942857142857143</v>
      </c>
      <c r="S147" s="4">
        <v>72.600000000000009</v>
      </c>
      <c r="T147" s="4">
        <v>7.92</v>
      </c>
      <c r="U147" s="4">
        <v>66</v>
      </c>
      <c r="V147" s="4">
        <v>26.4</v>
      </c>
      <c r="W147" s="4">
        <v>42.9</v>
      </c>
      <c r="X147" s="4">
        <v>13.577142857142858</v>
      </c>
      <c r="Y147" s="4">
        <v>30.171428571428574</v>
      </c>
      <c r="Z147" s="4">
        <v>52.800000000000004</v>
      </c>
      <c r="AA147" s="4">
        <v>42.9</v>
      </c>
      <c r="AB147" s="4">
        <v>85.8</v>
      </c>
      <c r="AC147" s="4">
        <v>105.60000000000001</v>
      </c>
      <c r="AD147" s="4">
        <v>0</v>
      </c>
      <c r="AE147" s="4">
        <v>0</v>
      </c>
      <c r="AF147" s="4">
        <v>92.399999999999991</v>
      </c>
      <c r="AG147" s="4">
        <v>85.8</v>
      </c>
      <c r="AH147" s="4">
        <v>0</v>
      </c>
      <c r="AI147" s="4">
        <v>92.399999999999991</v>
      </c>
      <c r="AJ147" s="4">
        <v>59.4</v>
      </c>
      <c r="AK147" s="4">
        <v>0</v>
      </c>
      <c r="AL147" s="4">
        <v>0</v>
      </c>
      <c r="AM147" s="4">
        <v>0</v>
      </c>
      <c r="AN147" s="4">
        <v>72.599999999999994</v>
      </c>
      <c r="AO147" s="4">
        <v>72.600000000000009</v>
      </c>
      <c r="AP147" s="4">
        <v>92.399999999999991</v>
      </c>
      <c r="AQ147" s="4">
        <v>52.800000000000004</v>
      </c>
      <c r="AR147" s="4">
        <v>0</v>
      </c>
      <c r="AS147" s="4">
        <v>59.4</v>
      </c>
      <c r="AT147" s="4">
        <v>46.199999999999996</v>
      </c>
      <c r="AU147" s="4">
        <v>79.2</v>
      </c>
      <c r="AV147" s="4">
        <v>16.5</v>
      </c>
      <c r="AW147" s="4">
        <v>39.6</v>
      </c>
      <c r="AX147" s="4">
        <v>85.8</v>
      </c>
    </row>
    <row r="148" spans="2:50">
      <c r="F148">
        <v>17</v>
      </c>
      <c r="G148" t="s">
        <v>94</v>
      </c>
      <c r="H148" s="4">
        <v>62.333333333333343</v>
      </c>
      <c r="I148" s="4">
        <v>23.12</v>
      </c>
      <c r="J148" s="4">
        <v>31.733333333333338</v>
      </c>
      <c r="K148" s="4">
        <v>57.346666666666678</v>
      </c>
      <c r="L148" s="4">
        <v>67.773333333333341</v>
      </c>
      <c r="M148" s="4">
        <v>62.56</v>
      </c>
      <c r="N148" s="4">
        <v>20.400000000000002</v>
      </c>
      <c r="O148" s="4">
        <v>54.400000000000006</v>
      </c>
      <c r="P148" s="4">
        <v>0</v>
      </c>
      <c r="Q148" s="4">
        <v>49.866666666666681</v>
      </c>
      <c r="R148" s="4">
        <v>17.22666666666667</v>
      </c>
      <c r="S148" s="4">
        <v>81.599999999999994</v>
      </c>
      <c r="T148" s="4">
        <v>17.680000000000003</v>
      </c>
      <c r="U148" s="4">
        <v>74.800000000000011</v>
      </c>
      <c r="V148" s="4">
        <v>0</v>
      </c>
      <c r="W148" s="4">
        <v>0</v>
      </c>
      <c r="X148" s="4">
        <v>0</v>
      </c>
      <c r="Y148" s="4">
        <v>15.413333333333336</v>
      </c>
      <c r="Z148" s="4">
        <v>15.413333333333336</v>
      </c>
      <c r="AA148" s="4">
        <v>72.986666666666665</v>
      </c>
      <c r="AB148" s="4">
        <v>57.120000000000005</v>
      </c>
      <c r="AC148" s="4">
        <v>0</v>
      </c>
      <c r="AD148" s="4">
        <v>0</v>
      </c>
      <c r="AE148" s="4">
        <v>0</v>
      </c>
      <c r="AF148" s="4">
        <v>61.20000000000001</v>
      </c>
      <c r="AG148" s="4">
        <v>47.599999999999994</v>
      </c>
      <c r="AH148" s="4">
        <v>31.733333333333334</v>
      </c>
      <c r="AI148" s="4">
        <v>78.2</v>
      </c>
      <c r="AJ148" s="4">
        <v>0</v>
      </c>
      <c r="AK148" s="4">
        <v>0</v>
      </c>
      <c r="AL148" s="4">
        <v>0</v>
      </c>
      <c r="AM148" s="4">
        <v>0</v>
      </c>
      <c r="AN148" s="4">
        <v>34</v>
      </c>
      <c r="AO148" s="4">
        <v>40.799999999999997</v>
      </c>
      <c r="AP148" s="4">
        <v>78.2</v>
      </c>
      <c r="AQ148" s="4">
        <v>23.12</v>
      </c>
      <c r="AR148" s="4">
        <v>37.400000000000006</v>
      </c>
      <c r="AS148" s="4">
        <v>34.45333333333334</v>
      </c>
      <c r="AT148" s="4">
        <v>41.706666666666671</v>
      </c>
      <c r="AU148" s="4">
        <v>88.4</v>
      </c>
      <c r="AV148" s="4">
        <v>20.399999999999999</v>
      </c>
      <c r="AW148" s="4">
        <v>47.599999999999994</v>
      </c>
      <c r="AX148" s="4">
        <v>79.333333333333329</v>
      </c>
    </row>
    <row r="149" spans="2:50">
      <c r="F149">
        <v>18</v>
      </c>
      <c r="G149" t="s">
        <v>185</v>
      </c>
      <c r="H149" s="4">
        <v>0</v>
      </c>
      <c r="I149" s="4">
        <v>0</v>
      </c>
      <c r="J149" s="4">
        <v>9.3333333333333339</v>
      </c>
      <c r="K149" s="4">
        <v>49.28</v>
      </c>
      <c r="L149" s="4">
        <v>24.391111111111108</v>
      </c>
      <c r="M149" s="4">
        <v>53.588888888888889</v>
      </c>
      <c r="N149" s="4">
        <v>0</v>
      </c>
      <c r="O149" s="4">
        <v>0</v>
      </c>
      <c r="P149" s="4">
        <v>0</v>
      </c>
      <c r="Q149" s="4">
        <v>23.519999999999996</v>
      </c>
      <c r="R149" s="4">
        <v>0</v>
      </c>
      <c r="S149" s="4">
        <v>57.633333333333333</v>
      </c>
      <c r="T149" s="4">
        <v>0</v>
      </c>
      <c r="U149" s="4">
        <v>34.346666666666664</v>
      </c>
      <c r="V149" s="4">
        <v>0</v>
      </c>
      <c r="W149" s="4">
        <v>0</v>
      </c>
      <c r="X149" s="4">
        <v>0</v>
      </c>
      <c r="Y149" s="4">
        <v>0</v>
      </c>
      <c r="Z149" s="4">
        <v>0</v>
      </c>
      <c r="AA149" s="4">
        <v>12.599999999999998</v>
      </c>
      <c r="AB149" s="4">
        <v>12.599999999999998</v>
      </c>
      <c r="AC149" s="4">
        <v>0</v>
      </c>
      <c r="AD149" s="4">
        <v>0</v>
      </c>
      <c r="AE149" s="4">
        <v>0</v>
      </c>
      <c r="AF149" s="4">
        <v>45.795555555555552</v>
      </c>
      <c r="AG149" s="4">
        <v>0</v>
      </c>
      <c r="AH149" s="4">
        <v>0</v>
      </c>
      <c r="AI149" s="4">
        <v>51.768888888888881</v>
      </c>
      <c r="AJ149" s="4">
        <v>0</v>
      </c>
      <c r="AK149" s="4">
        <v>0</v>
      </c>
      <c r="AL149" s="4">
        <v>0</v>
      </c>
      <c r="AM149" s="4">
        <v>0</v>
      </c>
      <c r="AN149" s="4">
        <v>13.439999999999998</v>
      </c>
      <c r="AO149" s="4">
        <v>45.5</v>
      </c>
      <c r="AP149" s="4">
        <v>47.786666666666669</v>
      </c>
      <c r="AQ149" s="4">
        <v>10.08</v>
      </c>
      <c r="AR149" s="4">
        <v>0</v>
      </c>
      <c r="AS149" s="4">
        <v>0</v>
      </c>
      <c r="AT149" s="4">
        <v>63</v>
      </c>
      <c r="AU149" s="4">
        <v>27.439999999999994</v>
      </c>
      <c r="AV149" s="4">
        <v>24.5</v>
      </c>
      <c r="AW149" s="4">
        <v>56</v>
      </c>
      <c r="AX149" s="4">
        <v>21</v>
      </c>
    </row>
    <row r="150" spans="2:50">
      <c r="F150">
        <v>19</v>
      </c>
      <c r="G150" t="s">
        <v>102</v>
      </c>
      <c r="H150" s="4">
        <v>46.800000000000004</v>
      </c>
      <c r="I150" s="4">
        <v>0</v>
      </c>
      <c r="J150" s="4">
        <v>18.431999999999999</v>
      </c>
      <c r="K150" s="4">
        <v>73.542857142857144</v>
      </c>
      <c r="L150" s="4">
        <v>29.622857142857146</v>
      </c>
      <c r="M150" s="4">
        <v>34.56</v>
      </c>
      <c r="N150" s="4">
        <v>0</v>
      </c>
      <c r="O150" s="4">
        <v>20.982857142857146</v>
      </c>
      <c r="P150" s="4">
        <v>0</v>
      </c>
      <c r="Q150" s="4">
        <v>37.440000000000012</v>
      </c>
      <c r="R150" s="4">
        <v>0</v>
      </c>
      <c r="S150" s="4">
        <v>50.4</v>
      </c>
      <c r="T150" s="4">
        <v>0</v>
      </c>
      <c r="U150" s="4">
        <v>62.845714285714294</v>
      </c>
      <c r="V150" s="4">
        <v>0</v>
      </c>
      <c r="W150" s="4">
        <v>0</v>
      </c>
      <c r="X150" s="4">
        <v>0</v>
      </c>
      <c r="Y150" s="4">
        <v>0</v>
      </c>
      <c r="Z150" s="4">
        <v>15.634285714285715</v>
      </c>
      <c r="AA150" s="4">
        <v>57.6</v>
      </c>
      <c r="AB150" s="4">
        <v>39.497142857142869</v>
      </c>
      <c r="AC150" s="4">
        <v>0</v>
      </c>
      <c r="AD150" s="4">
        <v>79.2</v>
      </c>
      <c r="AE150" s="4">
        <v>0</v>
      </c>
      <c r="AF150" s="4">
        <v>0</v>
      </c>
      <c r="AG150" s="4">
        <v>0</v>
      </c>
      <c r="AH150" s="4">
        <v>0</v>
      </c>
      <c r="AI150" s="4">
        <v>89.177142857142854</v>
      </c>
      <c r="AJ150" s="4">
        <v>0</v>
      </c>
      <c r="AK150" s="4">
        <v>25.2</v>
      </c>
      <c r="AL150" s="4">
        <v>0</v>
      </c>
      <c r="AM150" s="4">
        <v>0</v>
      </c>
      <c r="AN150" s="4">
        <v>0</v>
      </c>
      <c r="AO150" s="4">
        <v>50.4</v>
      </c>
      <c r="AP150" s="4">
        <v>89.177142857142854</v>
      </c>
      <c r="AQ150" s="4">
        <v>0</v>
      </c>
      <c r="AR150" s="4">
        <v>93.600000000000009</v>
      </c>
      <c r="AS150" s="4">
        <v>24.192</v>
      </c>
      <c r="AT150" s="4">
        <v>72</v>
      </c>
      <c r="AU150" s="4">
        <v>108</v>
      </c>
      <c r="AV150" s="4">
        <v>28.8</v>
      </c>
      <c r="AW150" s="4">
        <v>64.8</v>
      </c>
      <c r="AX150" s="4">
        <v>19.748571428571434</v>
      </c>
    </row>
    <row r="151" spans="2:50">
      <c r="F151">
        <v>20</v>
      </c>
      <c r="G151" t="s">
        <v>105</v>
      </c>
      <c r="H151" s="4">
        <v>0</v>
      </c>
      <c r="I151" s="4">
        <v>0</v>
      </c>
      <c r="J151" s="4">
        <v>0</v>
      </c>
      <c r="K151" s="4">
        <v>44.4</v>
      </c>
      <c r="L151" s="4">
        <v>44.822857142857146</v>
      </c>
      <c r="M151" s="4">
        <v>53.121428571428574</v>
      </c>
      <c r="N151" s="4">
        <v>0</v>
      </c>
      <c r="O151" s="4">
        <v>0</v>
      </c>
      <c r="P151" s="4">
        <v>0</v>
      </c>
      <c r="Q151" s="4">
        <v>29.599999999999998</v>
      </c>
      <c r="R151" s="4">
        <v>0</v>
      </c>
      <c r="S151" s="4">
        <v>93.557142857142864</v>
      </c>
      <c r="T151" s="4">
        <v>0</v>
      </c>
      <c r="U151" s="4">
        <v>41.44</v>
      </c>
      <c r="V151" s="4">
        <v>0</v>
      </c>
      <c r="W151" s="4">
        <v>0</v>
      </c>
      <c r="X151" s="4">
        <v>0</v>
      </c>
      <c r="Y151" s="4">
        <v>0</v>
      </c>
      <c r="Z151" s="4">
        <v>0</v>
      </c>
      <c r="AA151" s="4">
        <v>0</v>
      </c>
      <c r="AB151" s="4">
        <v>47.624285714285719</v>
      </c>
      <c r="AC151" s="4">
        <v>0</v>
      </c>
      <c r="AD151" s="4">
        <v>88.8</v>
      </c>
      <c r="AE151" s="4">
        <v>0</v>
      </c>
      <c r="AF151" s="4">
        <v>0</v>
      </c>
      <c r="AG151" s="4">
        <v>0</v>
      </c>
      <c r="AH151" s="4">
        <v>0</v>
      </c>
      <c r="AI151" s="4">
        <v>64.697142857142865</v>
      </c>
      <c r="AJ151" s="4">
        <v>0</v>
      </c>
      <c r="AK151" s="4">
        <v>29.6</v>
      </c>
      <c r="AL151" s="4">
        <v>0</v>
      </c>
      <c r="AM151" s="4">
        <v>0</v>
      </c>
      <c r="AN151" s="4">
        <v>0</v>
      </c>
      <c r="AO151" s="4">
        <v>55.5</v>
      </c>
      <c r="AP151" s="4">
        <v>57.085714285714289</v>
      </c>
      <c r="AQ151" s="4">
        <v>16.914285714285715</v>
      </c>
      <c r="AR151" s="4">
        <v>103.6</v>
      </c>
      <c r="AS151" s="4">
        <v>0</v>
      </c>
      <c r="AT151" s="4">
        <v>73.260000000000005</v>
      </c>
      <c r="AU151" s="4">
        <v>40.594285714285718</v>
      </c>
      <c r="AV151" s="4">
        <v>33.300000000000004</v>
      </c>
      <c r="AW151" s="4">
        <v>74</v>
      </c>
      <c r="AX151" s="4">
        <v>54.812857142857141</v>
      </c>
    </row>
    <row r="152" spans="2:50">
      <c r="F152">
        <v>21</v>
      </c>
      <c r="G152" t="s">
        <v>107</v>
      </c>
      <c r="H152" s="4">
        <v>0</v>
      </c>
      <c r="I152" s="4">
        <v>0</v>
      </c>
      <c r="J152" s="4">
        <v>0</v>
      </c>
      <c r="K152" s="4">
        <v>0</v>
      </c>
      <c r="L152" s="4">
        <v>0</v>
      </c>
      <c r="M152" s="4">
        <v>0</v>
      </c>
      <c r="N152" s="4">
        <v>0</v>
      </c>
      <c r="O152" s="4">
        <v>0</v>
      </c>
      <c r="P152" s="4">
        <v>0</v>
      </c>
      <c r="Q152" s="4">
        <v>0</v>
      </c>
      <c r="R152" s="4">
        <v>0</v>
      </c>
      <c r="S152" s="4">
        <v>0</v>
      </c>
      <c r="T152" s="4">
        <v>0</v>
      </c>
      <c r="U152" s="4">
        <v>0</v>
      </c>
      <c r="V152" s="4">
        <v>0</v>
      </c>
      <c r="W152" s="4">
        <v>0</v>
      </c>
      <c r="X152" s="4">
        <v>0</v>
      </c>
      <c r="Y152" s="4">
        <v>0</v>
      </c>
      <c r="Z152" s="4">
        <v>0</v>
      </c>
      <c r="AA152" s="4">
        <v>0</v>
      </c>
      <c r="AB152" s="4">
        <v>0</v>
      </c>
      <c r="AC152" s="4">
        <v>0</v>
      </c>
      <c r="AD152" s="4">
        <v>0</v>
      </c>
      <c r="AE152" s="4">
        <v>0</v>
      </c>
      <c r="AF152" s="4">
        <v>0</v>
      </c>
      <c r="AG152" s="4">
        <v>0</v>
      </c>
      <c r="AH152" s="4">
        <v>0</v>
      </c>
      <c r="AI152" s="4">
        <v>0</v>
      </c>
      <c r="AJ152" s="4">
        <v>0</v>
      </c>
      <c r="AK152" s="4">
        <v>0</v>
      </c>
      <c r="AL152" s="4">
        <v>0</v>
      </c>
      <c r="AM152" s="4">
        <v>0</v>
      </c>
      <c r="AN152" s="4">
        <v>0</v>
      </c>
      <c r="AO152" s="4">
        <v>0</v>
      </c>
      <c r="AP152" s="4">
        <v>0</v>
      </c>
      <c r="AQ152" s="4">
        <v>0</v>
      </c>
      <c r="AR152" s="4">
        <v>0</v>
      </c>
      <c r="AS152" s="4">
        <v>0</v>
      </c>
      <c r="AT152" s="4">
        <v>0</v>
      </c>
      <c r="AU152" s="4">
        <v>0</v>
      </c>
      <c r="AV152" s="4">
        <v>0</v>
      </c>
      <c r="AW152" s="4">
        <v>0</v>
      </c>
      <c r="AX152" s="4">
        <v>0</v>
      </c>
    </row>
    <row r="153" spans="2:50">
      <c r="F153">
        <v>22</v>
      </c>
      <c r="G153" t="s">
        <v>106</v>
      </c>
      <c r="H153" s="4">
        <v>41.6</v>
      </c>
      <c r="I153" s="4">
        <v>22.880000000000003</v>
      </c>
      <c r="J153" s="4">
        <v>29.64</v>
      </c>
      <c r="K153" s="4">
        <v>41.6</v>
      </c>
      <c r="L153" s="4">
        <v>18.720000000000002</v>
      </c>
      <c r="M153" s="4">
        <v>17.68</v>
      </c>
      <c r="N153" s="4">
        <v>0</v>
      </c>
      <c r="O153" s="4">
        <v>0</v>
      </c>
      <c r="P153" s="4">
        <v>0</v>
      </c>
      <c r="Q153" s="4">
        <v>16.64</v>
      </c>
      <c r="R153" s="4">
        <v>0</v>
      </c>
      <c r="S153" s="4">
        <v>0</v>
      </c>
      <c r="T153" s="4">
        <v>0</v>
      </c>
      <c r="U153" s="4">
        <v>41.6</v>
      </c>
      <c r="V153" s="4">
        <v>0</v>
      </c>
      <c r="W153" s="4">
        <v>0</v>
      </c>
      <c r="X153" s="4">
        <v>0</v>
      </c>
      <c r="Y153" s="4">
        <v>0</v>
      </c>
      <c r="Z153" s="4">
        <v>0</v>
      </c>
      <c r="AA153" s="4">
        <v>0</v>
      </c>
      <c r="AB153" s="4">
        <v>19.759999999999998</v>
      </c>
      <c r="AC153" s="4">
        <v>0</v>
      </c>
      <c r="AD153" s="4">
        <v>54.599999999999994</v>
      </c>
      <c r="AE153" s="4">
        <v>0</v>
      </c>
      <c r="AF153" s="4">
        <v>0</v>
      </c>
      <c r="AG153" s="4">
        <v>39.519999999999996</v>
      </c>
      <c r="AH153" s="4">
        <v>0</v>
      </c>
      <c r="AI153" s="4">
        <v>0</v>
      </c>
      <c r="AJ153" s="4">
        <v>0</v>
      </c>
      <c r="AK153" s="4">
        <v>39</v>
      </c>
      <c r="AL153" s="4">
        <v>0</v>
      </c>
      <c r="AM153" s="4">
        <v>0</v>
      </c>
      <c r="AN153" s="4">
        <v>0</v>
      </c>
      <c r="AO153" s="4">
        <v>0</v>
      </c>
      <c r="AP153" s="4">
        <v>0</v>
      </c>
      <c r="AQ153" s="4">
        <v>0</v>
      </c>
      <c r="AR153" s="4">
        <v>0</v>
      </c>
      <c r="AS153" s="4">
        <v>24.96</v>
      </c>
      <c r="AT153" s="4">
        <v>33.800000000000004</v>
      </c>
      <c r="AU153" s="4">
        <v>37.440000000000005</v>
      </c>
      <c r="AV153" s="4">
        <v>0</v>
      </c>
      <c r="AW153" s="4">
        <v>24.96</v>
      </c>
      <c r="AX153" s="4">
        <v>19.759999999999998</v>
      </c>
    </row>
    <row r="154" spans="2:50">
      <c r="F154">
        <v>23</v>
      </c>
      <c r="G154" t="s">
        <v>104</v>
      </c>
      <c r="H154" s="4">
        <v>0</v>
      </c>
      <c r="I154" s="4">
        <v>0</v>
      </c>
      <c r="J154" s="4">
        <v>0</v>
      </c>
      <c r="K154" s="4">
        <v>31.085714285714282</v>
      </c>
      <c r="L154" s="4">
        <v>0</v>
      </c>
      <c r="M154" s="4">
        <v>0</v>
      </c>
      <c r="N154" s="4">
        <v>0</v>
      </c>
      <c r="O154" s="4">
        <v>19.2</v>
      </c>
      <c r="P154" s="4">
        <v>0</v>
      </c>
      <c r="Q154" s="4">
        <v>0</v>
      </c>
      <c r="R154" s="4">
        <v>0</v>
      </c>
      <c r="S154" s="4">
        <v>0</v>
      </c>
      <c r="T154" s="4">
        <v>0</v>
      </c>
      <c r="U154" s="4">
        <v>0</v>
      </c>
      <c r="V154" s="4">
        <v>0</v>
      </c>
      <c r="W154" s="4">
        <v>0</v>
      </c>
      <c r="X154" s="4">
        <v>0</v>
      </c>
      <c r="Y154" s="4">
        <v>0</v>
      </c>
      <c r="Z154" s="4">
        <v>0</v>
      </c>
      <c r="AA154" s="4">
        <v>0</v>
      </c>
      <c r="AB154" s="4">
        <v>0</v>
      </c>
      <c r="AC154" s="4">
        <v>0</v>
      </c>
      <c r="AD154" s="4">
        <v>0</v>
      </c>
      <c r="AE154" s="4">
        <v>0</v>
      </c>
      <c r="AF154" s="4">
        <v>0</v>
      </c>
      <c r="AG154" s="4">
        <v>18.285714285714285</v>
      </c>
      <c r="AH154" s="4">
        <v>0</v>
      </c>
      <c r="AI154" s="4">
        <v>28.8</v>
      </c>
      <c r="AJ154" s="4">
        <v>0</v>
      </c>
      <c r="AK154" s="4">
        <v>44</v>
      </c>
      <c r="AL154" s="4">
        <v>0</v>
      </c>
      <c r="AM154" s="4">
        <v>0</v>
      </c>
      <c r="AN154" s="4">
        <v>0</v>
      </c>
      <c r="AO154" s="4">
        <v>0</v>
      </c>
      <c r="AP154" s="4">
        <v>28.8</v>
      </c>
      <c r="AQ154" s="4">
        <v>0</v>
      </c>
      <c r="AR154" s="4">
        <v>0</v>
      </c>
      <c r="AS154" s="4">
        <v>0</v>
      </c>
      <c r="AT154" s="4">
        <v>31.999999999999993</v>
      </c>
      <c r="AU154" s="4">
        <v>26.057142857142853</v>
      </c>
      <c r="AV154" s="4">
        <v>0</v>
      </c>
      <c r="AW154" s="4">
        <v>52</v>
      </c>
      <c r="AX154" s="4">
        <v>27.428571428571427</v>
      </c>
    </row>
    <row r="155" spans="2:50">
      <c r="F155">
        <v>24</v>
      </c>
      <c r="G155" t="s">
        <v>195</v>
      </c>
      <c r="H155" s="4">
        <v>0</v>
      </c>
      <c r="I155" s="4">
        <v>0</v>
      </c>
      <c r="J155" s="4">
        <v>0</v>
      </c>
      <c r="K155" s="4">
        <v>0</v>
      </c>
      <c r="L155" s="4">
        <v>29.818181818181824</v>
      </c>
      <c r="M155" s="4">
        <v>0</v>
      </c>
      <c r="N155" s="4">
        <v>0</v>
      </c>
      <c r="O155" s="4">
        <v>0</v>
      </c>
      <c r="P155" s="4">
        <v>0</v>
      </c>
      <c r="Q155" s="4">
        <v>0</v>
      </c>
      <c r="R155" s="4">
        <v>0</v>
      </c>
      <c r="S155" s="4">
        <v>45.323636363636368</v>
      </c>
      <c r="T155" s="4">
        <v>0</v>
      </c>
      <c r="U155" s="4">
        <v>42.938181818181825</v>
      </c>
      <c r="V155" s="4">
        <v>0</v>
      </c>
      <c r="W155" s="4">
        <v>0</v>
      </c>
      <c r="X155" s="4">
        <v>0</v>
      </c>
      <c r="Y155" s="4">
        <v>0</v>
      </c>
      <c r="Z155" s="4">
        <v>0</v>
      </c>
      <c r="AA155" s="4">
        <v>0</v>
      </c>
      <c r="AB155" s="4">
        <v>12.523636363636367</v>
      </c>
      <c r="AC155" s="4">
        <v>0</v>
      </c>
      <c r="AD155" s="4">
        <v>0</v>
      </c>
      <c r="AE155" s="4">
        <v>0</v>
      </c>
      <c r="AF155" s="4">
        <v>0</v>
      </c>
      <c r="AG155" s="4">
        <v>0</v>
      </c>
      <c r="AH155" s="4">
        <v>0</v>
      </c>
      <c r="AI155" s="4">
        <v>13.120000000000003</v>
      </c>
      <c r="AJ155" s="4">
        <v>0</v>
      </c>
      <c r="AK155" s="4">
        <v>0</v>
      </c>
      <c r="AL155" s="4">
        <v>0</v>
      </c>
      <c r="AM155" s="4">
        <v>0</v>
      </c>
      <c r="AN155" s="4">
        <v>0</v>
      </c>
      <c r="AO155" s="4">
        <v>0</v>
      </c>
      <c r="AP155" s="4">
        <v>26.240000000000006</v>
      </c>
      <c r="AQ155" s="4">
        <v>0</v>
      </c>
      <c r="AR155" s="4">
        <v>0</v>
      </c>
      <c r="AS155" s="4">
        <v>0</v>
      </c>
      <c r="AT155" s="4">
        <v>0</v>
      </c>
      <c r="AU155" s="4">
        <v>0</v>
      </c>
      <c r="AV155" s="4">
        <v>27.134545454545457</v>
      </c>
      <c r="AW155" s="4">
        <v>9.1839999999999993</v>
      </c>
      <c r="AX155" s="4">
        <v>0</v>
      </c>
    </row>
    <row r="156" spans="2:50">
      <c r="F156">
        <v>25</v>
      </c>
      <c r="G156" t="s">
        <v>198</v>
      </c>
      <c r="H156" s="4">
        <v>0</v>
      </c>
      <c r="I156" s="4">
        <v>0</v>
      </c>
      <c r="J156" s="4">
        <v>0</v>
      </c>
      <c r="K156" s="4">
        <v>0</v>
      </c>
      <c r="L156" s="4">
        <v>0</v>
      </c>
      <c r="M156" s="4">
        <v>0</v>
      </c>
      <c r="N156" s="4">
        <v>0</v>
      </c>
      <c r="O156" s="4">
        <v>0</v>
      </c>
      <c r="P156" s="4">
        <v>0</v>
      </c>
      <c r="Q156" s="4">
        <v>0</v>
      </c>
      <c r="R156" s="4">
        <v>0</v>
      </c>
      <c r="S156" s="4">
        <v>0</v>
      </c>
      <c r="T156" s="4">
        <v>0</v>
      </c>
      <c r="U156" s="4">
        <v>0</v>
      </c>
      <c r="V156" s="4">
        <v>0</v>
      </c>
      <c r="W156" s="4">
        <v>0</v>
      </c>
      <c r="X156" s="4">
        <v>0</v>
      </c>
      <c r="Y156" s="4">
        <v>0</v>
      </c>
      <c r="Z156" s="4">
        <v>0</v>
      </c>
      <c r="AA156" s="4">
        <v>0</v>
      </c>
      <c r="AB156" s="4">
        <v>0</v>
      </c>
      <c r="AC156" s="4">
        <v>0</v>
      </c>
      <c r="AD156" s="4">
        <v>0</v>
      </c>
      <c r="AE156" s="4">
        <v>0</v>
      </c>
      <c r="AF156" s="4">
        <v>0</v>
      </c>
      <c r="AG156" s="4">
        <v>0</v>
      </c>
      <c r="AH156" s="4">
        <v>0</v>
      </c>
      <c r="AI156" s="4">
        <v>0</v>
      </c>
      <c r="AJ156" s="4">
        <v>0</v>
      </c>
      <c r="AK156" s="4">
        <v>0</v>
      </c>
      <c r="AL156" s="4">
        <v>0</v>
      </c>
      <c r="AM156" s="4">
        <v>0</v>
      </c>
      <c r="AN156" s="4">
        <v>0</v>
      </c>
      <c r="AO156" s="4">
        <v>0</v>
      </c>
      <c r="AP156" s="4">
        <v>0</v>
      </c>
      <c r="AQ156" s="4">
        <v>0</v>
      </c>
      <c r="AR156" s="4">
        <v>0</v>
      </c>
      <c r="AS156" s="4">
        <v>0</v>
      </c>
      <c r="AT156" s="4">
        <v>21.504000000000005</v>
      </c>
      <c r="AU156" s="4">
        <v>0</v>
      </c>
      <c r="AV156" s="4">
        <v>0</v>
      </c>
      <c r="AW156" s="4">
        <v>20.160000000000004</v>
      </c>
      <c r="AX156" s="4">
        <v>0</v>
      </c>
    </row>
    <row r="157" spans="2:50">
      <c r="F157">
        <v>26</v>
      </c>
      <c r="G157" t="s">
        <v>200</v>
      </c>
      <c r="H157" s="4">
        <v>0</v>
      </c>
      <c r="I157" s="4">
        <v>0</v>
      </c>
      <c r="J157" s="4">
        <v>0</v>
      </c>
      <c r="K157" s="4">
        <v>20.64</v>
      </c>
      <c r="L157" s="4">
        <v>0</v>
      </c>
      <c r="M157" s="4">
        <v>0</v>
      </c>
      <c r="N157" s="4">
        <v>0</v>
      </c>
      <c r="O157" s="4">
        <v>0</v>
      </c>
      <c r="P157" s="4">
        <v>0</v>
      </c>
      <c r="Q157" s="4">
        <v>0</v>
      </c>
      <c r="R157" s="4">
        <v>0</v>
      </c>
      <c r="S157" s="4">
        <v>0</v>
      </c>
      <c r="T157" s="4">
        <v>0</v>
      </c>
      <c r="U157" s="4">
        <v>0</v>
      </c>
      <c r="V157" s="4">
        <v>0</v>
      </c>
      <c r="W157" s="4">
        <v>0</v>
      </c>
      <c r="X157" s="4">
        <v>0</v>
      </c>
      <c r="Y157" s="4">
        <v>0</v>
      </c>
      <c r="Z157" s="4">
        <v>0</v>
      </c>
      <c r="AA157" s="4">
        <v>0</v>
      </c>
      <c r="AB157" s="4">
        <v>0</v>
      </c>
      <c r="AC157" s="4">
        <v>0</v>
      </c>
      <c r="AD157" s="4">
        <v>0</v>
      </c>
      <c r="AE157" s="4">
        <v>0</v>
      </c>
      <c r="AF157" s="4">
        <v>0</v>
      </c>
      <c r="AG157" s="4">
        <v>0</v>
      </c>
      <c r="AH157" s="4">
        <v>0</v>
      </c>
      <c r="AI157" s="4">
        <v>0</v>
      </c>
      <c r="AJ157" s="4">
        <v>0</v>
      </c>
      <c r="AK157" s="4">
        <v>60.199999999999996</v>
      </c>
      <c r="AL157" s="4">
        <v>0</v>
      </c>
      <c r="AM157" s="4">
        <v>0</v>
      </c>
      <c r="AN157" s="4">
        <v>0</v>
      </c>
      <c r="AO157" s="4">
        <v>0</v>
      </c>
      <c r="AP157" s="4">
        <v>0</v>
      </c>
      <c r="AQ157" s="4">
        <v>0</v>
      </c>
      <c r="AR157" s="4">
        <v>0</v>
      </c>
      <c r="AS157" s="4">
        <v>0</v>
      </c>
      <c r="AT157" s="4">
        <v>17.544</v>
      </c>
      <c r="AU157" s="4">
        <v>15.136000000000001</v>
      </c>
      <c r="AV157" s="4">
        <v>0</v>
      </c>
      <c r="AW157" s="4">
        <v>11.008000000000001</v>
      </c>
      <c r="AX157" s="4">
        <v>0</v>
      </c>
    </row>
    <row r="158" spans="2:50">
      <c r="H158" s="4"/>
      <c r="I158" s="4"/>
      <c r="J158" s="4"/>
      <c r="K158" s="4"/>
      <c r="L158" s="4"/>
      <c r="M158" s="4"/>
      <c r="N158" s="4"/>
      <c r="O158" s="4"/>
      <c r="P158" s="4"/>
      <c r="Q158" s="4"/>
      <c r="R158" s="4"/>
      <c r="S158" s="4"/>
      <c r="T158" s="4"/>
      <c r="U158" s="4"/>
      <c r="V158" s="4"/>
      <c r="W158" s="4"/>
      <c r="X158" s="4"/>
      <c r="Y158" s="4"/>
      <c r="Z158" s="4"/>
      <c r="AA158" s="4"/>
      <c r="AB158" s="4"/>
      <c r="AC158" s="4"/>
      <c r="AD158" s="4"/>
      <c r="AE158" s="4"/>
      <c r="AF158" s="4"/>
      <c r="AG158" s="4"/>
      <c r="AH158" s="4"/>
      <c r="AI158" s="4"/>
      <c r="AJ158" s="4"/>
      <c r="AK158" s="4"/>
      <c r="AL158" s="4"/>
      <c r="AM158" s="4"/>
      <c r="AN158" s="4"/>
      <c r="AO158" s="4"/>
      <c r="AP158" s="4"/>
      <c r="AQ158" s="4"/>
      <c r="AR158" s="4"/>
      <c r="AS158" s="4"/>
      <c r="AT158" s="4"/>
      <c r="AU158" s="4"/>
      <c r="AV158" s="4"/>
      <c r="AW158" s="4"/>
      <c r="AX158" s="4"/>
    </row>
    <row r="160" spans="2:50">
      <c r="B160" t="s">
        <v>213</v>
      </c>
      <c r="G160" s="1" t="s">
        <v>214</v>
      </c>
      <c r="H160" s="4">
        <v>169</v>
      </c>
      <c r="I160" s="4">
        <v>146</v>
      </c>
      <c r="J160" s="4">
        <v>158</v>
      </c>
      <c r="K160" s="4">
        <v>169</v>
      </c>
      <c r="L160" s="4">
        <v>164</v>
      </c>
      <c r="M160" s="4">
        <v>167</v>
      </c>
      <c r="N160" s="4">
        <v>150</v>
      </c>
      <c r="O160" s="4">
        <v>155</v>
      </c>
      <c r="P160" s="4">
        <v>146</v>
      </c>
      <c r="Q160" s="4">
        <v>163</v>
      </c>
      <c r="R160" s="4">
        <v>146</v>
      </c>
      <c r="S160" s="4">
        <v>176</v>
      </c>
      <c r="T160" s="4">
        <v>147</v>
      </c>
      <c r="U160" s="4">
        <v>170</v>
      </c>
      <c r="V160" s="4">
        <v>155</v>
      </c>
      <c r="W160" s="4">
        <v>158</v>
      </c>
      <c r="X160" s="4">
        <v>140</v>
      </c>
      <c r="Y160" s="4">
        <v>143</v>
      </c>
      <c r="Z160" s="4">
        <v>159</v>
      </c>
      <c r="AA160" s="4">
        <v>167</v>
      </c>
      <c r="AB160" s="4">
        <v>161</v>
      </c>
      <c r="AC160" s="4">
        <v>160</v>
      </c>
      <c r="AD160" s="4">
        <v>185</v>
      </c>
      <c r="AE160" s="4">
        <v>120</v>
      </c>
      <c r="AF160" s="4">
        <v>160</v>
      </c>
      <c r="AG160" s="4">
        <v>162</v>
      </c>
      <c r="AH160" s="4">
        <v>144</v>
      </c>
      <c r="AI160" s="4">
        <v>168</v>
      </c>
      <c r="AJ160" s="4">
        <v>151</v>
      </c>
      <c r="AK160" s="4">
        <v>195</v>
      </c>
      <c r="AL160" s="4">
        <v>132</v>
      </c>
      <c r="AM160" s="4">
        <v>94</v>
      </c>
      <c r="AN160" s="4">
        <v>153</v>
      </c>
      <c r="AO160" s="4">
        <v>175</v>
      </c>
      <c r="AP160" s="4">
        <v>168</v>
      </c>
      <c r="AQ160" s="4">
        <v>155</v>
      </c>
      <c r="AR160" s="4">
        <v>180</v>
      </c>
      <c r="AS160" s="4">
        <v>148</v>
      </c>
      <c r="AT160" s="4">
        <v>179</v>
      </c>
      <c r="AU160" s="4">
        <v>173</v>
      </c>
      <c r="AV160" s="4">
        <v>175</v>
      </c>
      <c r="AW160" s="4">
        <v>186</v>
      </c>
      <c r="AX160" s="4">
        <v>164</v>
      </c>
    </row>
    <row r="161" spans="2:50">
      <c r="G161" s="1" t="s">
        <v>215</v>
      </c>
      <c r="H161" s="4">
        <v>40.898514157555368</v>
      </c>
      <c r="I161" s="4">
        <v>99.925740025740041</v>
      </c>
      <c r="J161" s="4">
        <v>96.605527354765954</v>
      </c>
      <c r="K161" s="4">
        <v>53.605023633735705</v>
      </c>
      <c r="L161" s="4">
        <v>76.56799324412961</v>
      </c>
      <c r="M161" s="4">
        <v>60.015610268774836</v>
      </c>
      <c r="N161" s="4">
        <v>85.935162094763086</v>
      </c>
      <c r="O161" s="4">
        <v>88.706027629852585</v>
      </c>
      <c r="P161" s="4">
        <v>153.63506249354404</v>
      </c>
      <c r="Q161" s="4">
        <v>48.154121863799283</v>
      </c>
      <c r="R161" s="4">
        <v>149.59513031186503</v>
      </c>
      <c r="S161" s="4">
        <v>57.008243274276523</v>
      </c>
      <c r="T161" s="4">
        <v>77.902268760907518</v>
      </c>
      <c r="U161" s="4">
        <v>51.842926576969141</v>
      </c>
      <c r="V161" s="4">
        <v>68.837876614060249</v>
      </c>
      <c r="W161" s="4">
        <v>57.955439056356497</v>
      </c>
      <c r="X161" s="4">
        <v>151.42024190476192</v>
      </c>
      <c r="Y161" s="4">
        <v>129.92374406807397</v>
      </c>
      <c r="Z161" s="4">
        <v>79.311043566362699</v>
      </c>
      <c r="AA161" s="4">
        <v>72.193573364305081</v>
      </c>
      <c r="AB161" s="4">
        <v>81.94503066378067</v>
      </c>
      <c r="AC161" s="4">
        <v>77.122302158273385</v>
      </c>
      <c r="AD161" s="4">
        <v>120.32432432432432</v>
      </c>
      <c r="AE161" s="4">
        <v>209.98685446009389</v>
      </c>
      <c r="AF161" s="4">
        <v>145.14872924121477</v>
      </c>
      <c r="AG161" s="4">
        <v>179.21340388007056</v>
      </c>
      <c r="AH161" s="4">
        <v>73.893772893772905</v>
      </c>
      <c r="AI161" s="4">
        <v>118.65331285202254</v>
      </c>
      <c r="AJ161" s="4">
        <v>121.46576337751596</v>
      </c>
      <c r="AK161" s="4">
        <v>130.26315789473685</v>
      </c>
      <c r="AL161" s="4">
        <v>111.62846441947565</v>
      </c>
      <c r="AM161" s="4">
        <v>5</v>
      </c>
      <c r="AN161" s="4">
        <v>76.383485441112555</v>
      </c>
      <c r="AO161" s="4">
        <v>76.322254335260126</v>
      </c>
      <c r="AP161" s="4">
        <v>122.64840530086869</v>
      </c>
      <c r="AQ161" s="4">
        <v>110.08715917035656</v>
      </c>
      <c r="AR161" s="4">
        <v>109.99999999999999</v>
      </c>
      <c r="AS161" s="4">
        <v>197.04150943396226</v>
      </c>
      <c r="AT161" s="4">
        <v>39.725947664465636</v>
      </c>
      <c r="AU161" s="4">
        <v>67.145513280689144</v>
      </c>
      <c r="AV161" s="4">
        <v>65.031197584703122</v>
      </c>
      <c r="AW161" s="4">
        <v>32.214866581956798</v>
      </c>
      <c r="AX161" s="4">
        <v>112.81985083189903</v>
      </c>
    </row>
    <row r="162" spans="2:50">
      <c r="B162" t="s">
        <v>110</v>
      </c>
      <c r="C162" t="s">
        <v>111</v>
      </c>
      <c r="D162" t="s">
        <v>208</v>
      </c>
      <c r="E162" t="s">
        <v>209</v>
      </c>
      <c r="F162" t="s">
        <v>210</v>
      </c>
      <c r="G162" s="1" t="s">
        <v>211</v>
      </c>
      <c r="H162" s="9">
        <v>1189</v>
      </c>
      <c r="I162" s="9">
        <v>592</v>
      </c>
      <c r="J162" s="9">
        <v>591</v>
      </c>
      <c r="K162" s="9">
        <v>1219</v>
      </c>
      <c r="L162" s="9">
        <v>880</v>
      </c>
      <c r="M162" s="9">
        <v>1027</v>
      </c>
      <c r="N162" s="9">
        <v>401</v>
      </c>
      <c r="O162" s="9">
        <v>617</v>
      </c>
      <c r="P162" s="9">
        <v>461</v>
      </c>
      <c r="Q162" s="9">
        <v>1023</v>
      </c>
      <c r="R162" s="9">
        <v>539</v>
      </c>
      <c r="S162" s="9">
        <v>1263</v>
      </c>
      <c r="T162" s="9">
        <v>382</v>
      </c>
      <c r="U162" s="9">
        <v>1222</v>
      </c>
      <c r="V162" s="9">
        <v>697</v>
      </c>
      <c r="W162" s="9">
        <v>763</v>
      </c>
      <c r="X162" s="9">
        <v>400</v>
      </c>
      <c r="Y162" s="9">
        <v>291</v>
      </c>
      <c r="Z162" s="9">
        <v>893</v>
      </c>
      <c r="AA162" s="9">
        <v>861</v>
      </c>
      <c r="AB162" s="9">
        <v>864</v>
      </c>
      <c r="AC162" s="9">
        <v>834</v>
      </c>
      <c r="AD162" s="9">
        <v>185</v>
      </c>
      <c r="AE162" s="9">
        <v>142</v>
      </c>
      <c r="AF162" s="9">
        <v>346</v>
      </c>
      <c r="AG162" s="9">
        <v>162</v>
      </c>
      <c r="AH162" s="9">
        <v>364</v>
      </c>
      <c r="AI162" s="9">
        <v>775</v>
      </c>
      <c r="AJ162" s="9">
        <v>679</v>
      </c>
      <c r="AK162" s="9">
        <v>152</v>
      </c>
      <c r="AL162" s="9">
        <v>267</v>
      </c>
      <c r="AM162" s="9">
        <v>94</v>
      </c>
      <c r="AN162" s="9">
        <v>767</v>
      </c>
      <c r="AO162" s="9">
        <v>692</v>
      </c>
      <c r="AP162" s="9">
        <v>751</v>
      </c>
      <c r="AQ162" s="9">
        <v>613</v>
      </c>
      <c r="AR162" s="9">
        <v>304</v>
      </c>
      <c r="AS162" s="9">
        <v>318</v>
      </c>
      <c r="AT162" s="9">
        <v>1363</v>
      </c>
      <c r="AU162" s="9">
        <v>1194</v>
      </c>
      <c r="AV162" s="9">
        <v>271</v>
      </c>
      <c r="AW162" s="9">
        <v>1574</v>
      </c>
      <c r="AX162" s="9">
        <v>581</v>
      </c>
    </row>
    <row r="163" spans="2:50">
      <c r="B163" t="s">
        <v>116</v>
      </c>
      <c r="C163" t="s">
        <v>117</v>
      </c>
      <c r="D163" t="s">
        <v>118</v>
      </c>
      <c r="E163">
        <v>5</v>
      </c>
      <c r="F163">
        <v>21</v>
      </c>
      <c r="G163" s="1">
        <v>3.3600000000000003</v>
      </c>
      <c r="H163" s="4">
        <v>21</v>
      </c>
      <c r="I163" s="4">
        <v>21</v>
      </c>
      <c r="J163" s="4">
        <v>21</v>
      </c>
      <c r="K163" s="4">
        <v>21</v>
      </c>
      <c r="L163" s="4">
        <v>21</v>
      </c>
      <c r="M163" s="4">
        <v>21</v>
      </c>
      <c r="N163" s="4">
        <v>21</v>
      </c>
      <c r="O163" s="4">
        <v>0</v>
      </c>
      <c r="P163" s="4">
        <v>21</v>
      </c>
      <c r="Q163" s="4">
        <v>21</v>
      </c>
      <c r="R163" s="4">
        <v>21</v>
      </c>
      <c r="S163" s="4">
        <v>0</v>
      </c>
      <c r="T163" s="4">
        <v>0</v>
      </c>
      <c r="U163" s="4">
        <v>21</v>
      </c>
      <c r="V163" s="4">
        <v>0</v>
      </c>
      <c r="W163" s="4">
        <v>0</v>
      </c>
      <c r="X163" s="4">
        <v>21</v>
      </c>
      <c r="Y163" s="4">
        <v>0</v>
      </c>
      <c r="Z163" s="4">
        <v>21</v>
      </c>
      <c r="AA163" s="4">
        <v>21</v>
      </c>
      <c r="AB163" s="4">
        <v>21</v>
      </c>
      <c r="AC163" s="4">
        <v>21</v>
      </c>
      <c r="AD163" s="4">
        <v>0</v>
      </c>
      <c r="AE163" s="4">
        <v>0</v>
      </c>
      <c r="AF163" s="4">
        <v>0</v>
      </c>
      <c r="AG163" s="4">
        <v>0</v>
      </c>
      <c r="AH163" s="4">
        <v>0</v>
      </c>
      <c r="AI163" s="4">
        <v>21</v>
      </c>
      <c r="AJ163" s="4">
        <v>21</v>
      </c>
      <c r="AK163" s="4">
        <v>0</v>
      </c>
      <c r="AL163" s="4">
        <v>21</v>
      </c>
      <c r="AM163" s="4">
        <v>0</v>
      </c>
      <c r="AN163" s="4">
        <v>21</v>
      </c>
      <c r="AO163" s="4">
        <v>21</v>
      </c>
      <c r="AP163" s="4">
        <v>21</v>
      </c>
      <c r="AQ163" s="4">
        <v>21</v>
      </c>
      <c r="AR163" s="4">
        <v>0</v>
      </c>
      <c r="AS163" s="4">
        <v>0</v>
      </c>
      <c r="AT163" s="4">
        <v>21</v>
      </c>
      <c r="AU163" s="4">
        <v>21</v>
      </c>
      <c r="AV163" s="4">
        <v>0</v>
      </c>
      <c r="AW163" s="4">
        <v>21</v>
      </c>
      <c r="AX163" s="4">
        <v>0</v>
      </c>
    </row>
    <row r="164" spans="2:50">
      <c r="B164" t="s">
        <v>120</v>
      </c>
      <c r="C164" t="s">
        <v>121</v>
      </c>
      <c r="D164" t="s">
        <v>122</v>
      </c>
      <c r="E164">
        <v>8</v>
      </c>
      <c r="F164">
        <v>22</v>
      </c>
      <c r="G164" s="1">
        <v>2.2000000000000002</v>
      </c>
      <c r="H164" s="4">
        <v>22</v>
      </c>
      <c r="I164" s="4">
        <v>22</v>
      </c>
      <c r="J164" s="4">
        <v>22</v>
      </c>
      <c r="K164" s="4">
        <v>22</v>
      </c>
      <c r="L164" s="4">
        <v>22</v>
      </c>
      <c r="M164" s="4">
        <v>22</v>
      </c>
      <c r="N164" s="4">
        <v>22</v>
      </c>
      <c r="O164" s="4">
        <v>0</v>
      </c>
      <c r="P164" s="4">
        <v>22</v>
      </c>
      <c r="Q164" s="4">
        <v>22</v>
      </c>
      <c r="R164" s="4">
        <v>22</v>
      </c>
      <c r="S164" s="4">
        <v>22</v>
      </c>
      <c r="T164" s="4">
        <v>0</v>
      </c>
      <c r="U164" s="4">
        <v>22</v>
      </c>
      <c r="V164" s="4">
        <v>0</v>
      </c>
      <c r="W164" s="4">
        <v>0</v>
      </c>
      <c r="X164" s="4">
        <v>22</v>
      </c>
      <c r="Y164" s="4">
        <v>0</v>
      </c>
      <c r="Z164" s="4">
        <v>22</v>
      </c>
      <c r="AA164" s="4">
        <v>0</v>
      </c>
      <c r="AB164" s="4">
        <v>22</v>
      </c>
      <c r="AC164" s="4">
        <v>22</v>
      </c>
      <c r="AD164" s="4">
        <v>0</v>
      </c>
      <c r="AE164" s="4">
        <v>22</v>
      </c>
      <c r="AF164" s="4">
        <v>0</v>
      </c>
      <c r="AG164" s="4">
        <v>0</v>
      </c>
      <c r="AH164" s="4">
        <v>0</v>
      </c>
      <c r="AI164" s="4">
        <v>22</v>
      </c>
      <c r="AJ164" s="4">
        <v>22</v>
      </c>
      <c r="AK164" s="4">
        <v>0</v>
      </c>
      <c r="AL164" s="4">
        <v>22</v>
      </c>
      <c r="AM164" s="4">
        <v>22</v>
      </c>
      <c r="AN164" s="4">
        <v>22</v>
      </c>
      <c r="AO164" s="4">
        <v>22</v>
      </c>
      <c r="AP164" s="4">
        <v>22</v>
      </c>
      <c r="AQ164" s="4">
        <v>22</v>
      </c>
      <c r="AR164" s="4">
        <v>0</v>
      </c>
      <c r="AS164" s="4">
        <v>0</v>
      </c>
      <c r="AT164" s="4">
        <v>22</v>
      </c>
      <c r="AU164" s="4">
        <v>22</v>
      </c>
      <c r="AV164" s="4">
        <v>0</v>
      </c>
      <c r="AW164" s="4">
        <v>22</v>
      </c>
      <c r="AX164" s="4">
        <v>0</v>
      </c>
    </row>
    <row r="165" spans="2:50">
      <c r="B165" t="s">
        <v>123</v>
      </c>
      <c r="C165" t="s">
        <v>124</v>
      </c>
      <c r="D165" t="s">
        <v>122</v>
      </c>
      <c r="E165">
        <v>5</v>
      </c>
      <c r="F165">
        <v>22</v>
      </c>
      <c r="G165" s="1">
        <v>3.5200000000000005</v>
      </c>
      <c r="H165" s="4">
        <v>22</v>
      </c>
      <c r="I165" s="4">
        <v>22</v>
      </c>
      <c r="J165" s="4">
        <v>22</v>
      </c>
      <c r="K165" s="4">
        <v>22</v>
      </c>
      <c r="L165" s="4">
        <v>22</v>
      </c>
      <c r="M165" s="4">
        <v>22</v>
      </c>
      <c r="N165" s="4">
        <v>0</v>
      </c>
      <c r="O165" s="4">
        <v>22</v>
      </c>
      <c r="P165" s="4">
        <v>22</v>
      </c>
      <c r="Q165" s="4">
        <v>22</v>
      </c>
      <c r="R165" s="4">
        <v>22</v>
      </c>
      <c r="S165" s="4">
        <v>22</v>
      </c>
      <c r="T165" s="4">
        <v>0</v>
      </c>
      <c r="U165" s="4">
        <v>22</v>
      </c>
      <c r="V165" s="4">
        <v>22</v>
      </c>
      <c r="W165" s="4">
        <v>22</v>
      </c>
      <c r="X165" s="4">
        <v>22</v>
      </c>
      <c r="Y165" s="4">
        <v>0</v>
      </c>
      <c r="Z165" s="4">
        <v>22</v>
      </c>
      <c r="AA165" s="4">
        <v>22</v>
      </c>
      <c r="AB165" s="4">
        <v>22</v>
      </c>
      <c r="AC165" s="4">
        <v>22</v>
      </c>
      <c r="AD165" s="4">
        <v>0</v>
      </c>
      <c r="AE165" s="4">
        <v>22</v>
      </c>
      <c r="AF165" s="4">
        <v>0</v>
      </c>
      <c r="AG165" s="4">
        <v>0</v>
      </c>
      <c r="AH165" s="4">
        <v>22</v>
      </c>
      <c r="AI165" s="4">
        <v>22</v>
      </c>
      <c r="AJ165" s="4">
        <v>22</v>
      </c>
      <c r="AK165" s="4">
        <v>0</v>
      </c>
      <c r="AL165" s="4">
        <v>22</v>
      </c>
      <c r="AM165" s="4">
        <v>22</v>
      </c>
      <c r="AN165" s="4">
        <v>22</v>
      </c>
      <c r="AO165" s="4">
        <v>22</v>
      </c>
      <c r="AP165" s="4">
        <v>22</v>
      </c>
      <c r="AQ165" s="4">
        <v>22</v>
      </c>
      <c r="AR165" s="4">
        <v>0</v>
      </c>
      <c r="AS165" s="4">
        <v>22</v>
      </c>
      <c r="AT165" s="4">
        <v>22</v>
      </c>
      <c r="AU165" s="4">
        <v>22</v>
      </c>
      <c r="AV165" s="4">
        <v>0</v>
      </c>
      <c r="AW165" s="4">
        <v>22</v>
      </c>
      <c r="AX165" s="4">
        <v>0</v>
      </c>
    </row>
    <row r="166" spans="2:50">
      <c r="B166" t="s">
        <v>125</v>
      </c>
      <c r="C166" t="s">
        <v>126</v>
      </c>
      <c r="D166" t="s">
        <v>127</v>
      </c>
      <c r="E166">
        <v>7</v>
      </c>
      <c r="F166">
        <v>23</v>
      </c>
      <c r="G166" s="1">
        <v>2.628571428571429</v>
      </c>
      <c r="H166" s="4">
        <v>23</v>
      </c>
      <c r="I166" s="4">
        <v>23</v>
      </c>
      <c r="J166" s="4">
        <v>23</v>
      </c>
      <c r="K166" s="4">
        <v>23</v>
      </c>
      <c r="L166" s="4">
        <v>23</v>
      </c>
      <c r="M166" s="4">
        <v>23</v>
      </c>
      <c r="N166" s="4">
        <v>23</v>
      </c>
      <c r="O166" s="4">
        <v>23</v>
      </c>
      <c r="P166" s="4">
        <v>23</v>
      </c>
      <c r="Q166" s="4">
        <v>23</v>
      </c>
      <c r="R166" s="4">
        <v>23</v>
      </c>
      <c r="S166" s="4">
        <v>0</v>
      </c>
      <c r="T166" s="4">
        <v>0</v>
      </c>
      <c r="U166" s="4">
        <v>23</v>
      </c>
      <c r="V166" s="4">
        <v>23</v>
      </c>
      <c r="W166" s="4">
        <v>23</v>
      </c>
      <c r="X166" s="4">
        <v>23</v>
      </c>
      <c r="Y166" s="4">
        <v>0</v>
      </c>
      <c r="Z166" s="4">
        <v>23</v>
      </c>
      <c r="AA166" s="4">
        <v>23</v>
      </c>
      <c r="AB166" s="4">
        <v>23</v>
      </c>
      <c r="AC166" s="4">
        <v>23</v>
      </c>
      <c r="AD166" s="4">
        <v>0</v>
      </c>
      <c r="AE166" s="4">
        <v>23</v>
      </c>
      <c r="AF166" s="4">
        <v>0</v>
      </c>
      <c r="AG166" s="4">
        <v>0</v>
      </c>
      <c r="AH166" s="4">
        <v>23</v>
      </c>
      <c r="AI166" s="4">
        <v>23</v>
      </c>
      <c r="AJ166" s="4">
        <v>23</v>
      </c>
      <c r="AK166" s="4">
        <v>0</v>
      </c>
      <c r="AL166" s="4">
        <v>23</v>
      </c>
      <c r="AM166" s="4">
        <v>0</v>
      </c>
      <c r="AN166" s="4">
        <v>23</v>
      </c>
      <c r="AO166" s="4">
        <v>23</v>
      </c>
      <c r="AP166" s="4">
        <v>23</v>
      </c>
      <c r="AQ166" s="4">
        <v>23</v>
      </c>
      <c r="AR166" s="4">
        <v>0</v>
      </c>
      <c r="AS166" s="4">
        <v>23</v>
      </c>
      <c r="AT166" s="4">
        <v>23</v>
      </c>
      <c r="AU166" s="4">
        <v>23</v>
      </c>
      <c r="AV166" s="4">
        <v>0</v>
      </c>
      <c r="AW166" s="4">
        <v>23</v>
      </c>
      <c r="AX166" s="4">
        <v>0</v>
      </c>
    </row>
    <row r="167" spans="2:50">
      <c r="B167" t="s">
        <v>128</v>
      </c>
      <c r="C167" t="s">
        <v>129</v>
      </c>
      <c r="D167" t="s">
        <v>127</v>
      </c>
      <c r="E167">
        <v>4</v>
      </c>
      <c r="F167">
        <v>23</v>
      </c>
      <c r="G167" s="1">
        <v>4.6000000000000005</v>
      </c>
      <c r="H167" s="4">
        <v>23</v>
      </c>
      <c r="I167" s="4">
        <v>23</v>
      </c>
      <c r="J167" s="4">
        <v>23</v>
      </c>
      <c r="K167" s="4">
        <v>23</v>
      </c>
      <c r="L167" s="4">
        <v>23</v>
      </c>
      <c r="M167" s="4">
        <v>23</v>
      </c>
      <c r="N167" s="4">
        <v>0</v>
      </c>
      <c r="O167" s="4">
        <v>23</v>
      </c>
      <c r="P167" s="4">
        <v>23</v>
      </c>
      <c r="Q167" s="4">
        <v>23</v>
      </c>
      <c r="R167" s="4">
        <v>23</v>
      </c>
      <c r="S167" s="4">
        <v>23</v>
      </c>
      <c r="T167" s="4">
        <v>23</v>
      </c>
      <c r="U167" s="4">
        <v>23</v>
      </c>
      <c r="V167" s="4">
        <v>23</v>
      </c>
      <c r="W167" s="4">
        <v>23</v>
      </c>
      <c r="X167" s="4">
        <v>23</v>
      </c>
      <c r="Y167" s="4">
        <v>23</v>
      </c>
      <c r="Z167" s="4">
        <v>23</v>
      </c>
      <c r="AA167" s="4">
        <v>23</v>
      </c>
      <c r="AB167" s="4">
        <v>23</v>
      </c>
      <c r="AC167" s="4">
        <v>23</v>
      </c>
      <c r="AD167" s="4">
        <v>0</v>
      </c>
      <c r="AE167" s="4">
        <v>0</v>
      </c>
      <c r="AF167" s="4">
        <v>23</v>
      </c>
      <c r="AG167" s="4">
        <v>0</v>
      </c>
      <c r="AH167" s="4">
        <v>23</v>
      </c>
      <c r="AI167" s="4">
        <v>23</v>
      </c>
      <c r="AJ167" s="4">
        <v>23</v>
      </c>
      <c r="AK167" s="4">
        <v>0</v>
      </c>
      <c r="AL167" s="4">
        <v>23</v>
      </c>
      <c r="AM167" s="4">
        <v>0</v>
      </c>
      <c r="AN167" s="4">
        <v>23</v>
      </c>
      <c r="AO167" s="4">
        <v>0</v>
      </c>
      <c r="AP167" s="4">
        <v>23</v>
      </c>
      <c r="AQ167" s="4">
        <v>23</v>
      </c>
      <c r="AR167" s="4">
        <v>0</v>
      </c>
      <c r="AS167" s="4">
        <v>23</v>
      </c>
      <c r="AT167" s="4">
        <v>23</v>
      </c>
      <c r="AU167" s="4">
        <v>23</v>
      </c>
      <c r="AV167" s="4">
        <v>0</v>
      </c>
      <c r="AW167" s="4">
        <v>23</v>
      </c>
      <c r="AX167" s="4">
        <v>23</v>
      </c>
    </row>
    <row r="168" spans="2:50">
      <c r="B168" t="s">
        <v>130</v>
      </c>
      <c r="C168" t="s">
        <v>131</v>
      </c>
      <c r="D168" t="s">
        <v>103</v>
      </c>
      <c r="E168">
        <v>4</v>
      </c>
      <c r="F168">
        <v>24</v>
      </c>
      <c r="G168" s="1">
        <v>4.8000000000000007</v>
      </c>
      <c r="H168" s="4">
        <v>24</v>
      </c>
      <c r="I168" s="4">
        <v>24</v>
      </c>
      <c r="J168" s="4">
        <v>0</v>
      </c>
      <c r="K168" s="4">
        <v>24</v>
      </c>
      <c r="L168" s="4">
        <v>24</v>
      </c>
      <c r="M168" s="4">
        <v>24</v>
      </c>
      <c r="N168" s="4">
        <v>24</v>
      </c>
      <c r="O168" s="4">
        <v>24</v>
      </c>
      <c r="P168" s="4">
        <v>24</v>
      </c>
      <c r="Q168" s="4">
        <v>24</v>
      </c>
      <c r="R168" s="4">
        <v>24</v>
      </c>
      <c r="S168" s="4">
        <v>24</v>
      </c>
      <c r="T168" s="4">
        <v>0</v>
      </c>
      <c r="U168" s="4">
        <v>24</v>
      </c>
      <c r="V168" s="4">
        <v>24</v>
      </c>
      <c r="W168" s="4">
        <v>24</v>
      </c>
      <c r="X168" s="4">
        <v>24</v>
      </c>
      <c r="Y168" s="4">
        <v>0</v>
      </c>
      <c r="Z168" s="4">
        <v>24</v>
      </c>
      <c r="AA168" s="4">
        <v>24</v>
      </c>
      <c r="AB168" s="4">
        <v>24</v>
      </c>
      <c r="AC168" s="4">
        <v>24</v>
      </c>
      <c r="AD168" s="4">
        <v>0</v>
      </c>
      <c r="AE168" s="4">
        <v>0</v>
      </c>
      <c r="AF168" s="4">
        <v>0</v>
      </c>
      <c r="AG168" s="4">
        <v>0</v>
      </c>
      <c r="AH168" s="4">
        <v>24</v>
      </c>
      <c r="AI168" s="4">
        <v>24</v>
      </c>
      <c r="AJ168" s="4">
        <v>24</v>
      </c>
      <c r="AK168" s="4">
        <v>0</v>
      </c>
      <c r="AL168" s="4">
        <v>24</v>
      </c>
      <c r="AM168" s="4">
        <v>24</v>
      </c>
      <c r="AN168" s="4">
        <v>24</v>
      </c>
      <c r="AO168" s="4">
        <v>24</v>
      </c>
      <c r="AP168" s="4">
        <v>24</v>
      </c>
      <c r="AQ168" s="4">
        <v>24</v>
      </c>
      <c r="AR168" s="4">
        <v>0</v>
      </c>
      <c r="AS168" s="4">
        <v>0</v>
      </c>
      <c r="AT168" s="4">
        <v>24</v>
      </c>
      <c r="AU168" s="4">
        <v>24</v>
      </c>
      <c r="AV168" s="4">
        <v>0</v>
      </c>
      <c r="AW168" s="4">
        <v>24</v>
      </c>
      <c r="AX168" s="4">
        <v>24</v>
      </c>
    </row>
    <row r="169" spans="2:50">
      <c r="B169" t="s">
        <v>132</v>
      </c>
      <c r="C169" t="s">
        <v>133</v>
      </c>
      <c r="D169" t="s">
        <v>103</v>
      </c>
      <c r="E169">
        <v>5</v>
      </c>
      <c r="F169">
        <v>24</v>
      </c>
      <c r="G169" s="1">
        <v>3.8400000000000007</v>
      </c>
      <c r="H169" s="4">
        <v>24</v>
      </c>
      <c r="I169" s="4">
        <v>24</v>
      </c>
      <c r="J169" s="4">
        <v>0</v>
      </c>
      <c r="K169" s="4">
        <v>24</v>
      </c>
      <c r="L169" s="4">
        <v>24</v>
      </c>
      <c r="M169" s="4">
        <v>24</v>
      </c>
      <c r="N169" s="4">
        <v>0</v>
      </c>
      <c r="O169" s="4">
        <v>24</v>
      </c>
      <c r="P169" s="4">
        <v>24</v>
      </c>
      <c r="Q169" s="4">
        <v>24</v>
      </c>
      <c r="R169" s="4">
        <v>24</v>
      </c>
      <c r="S169" s="4">
        <v>24</v>
      </c>
      <c r="T169" s="4">
        <v>0</v>
      </c>
      <c r="U169" s="4">
        <v>24</v>
      </c>
      <c r="V169" s="4">
        <v>24</v>
      </c>
      <c r="W169" s="4">
        <v>24</v>
      </c>
      <c r="X169" s="4">
        <v>24</v>
      </c>
      <c r="Y169" s="4">
        <v>24</v>
      </c>
      <c r="Z169" s="4">
        <v>24</v>
      </c>
      <c r="AA169" s="4">
        <v>0</v>
      </c>
      <c r="AB169" s="4">
        <v>24</v>
      </c>
      <c r="AC169" s="4">
        <v>24</v>
      </c>
      <c r="AD169" s="4">
        <v>0</v>
      </c>
      <c r="AE169" s="4">
        <v>0</v>
      </c>
      <c r="AF169" s="4">
        <v>0</v>
      </c>
      <c r="AG169" s="4">
        <v>0</v>
      </c>
      <c r="AH169" s="4">
        <v>24</v>
      </c>
      <c r="AI169" s="4">
        <v>24</v>
      </c>
      <c r="AJ169" s="4">
        <v>24</v>
      </c>
      <c r="AK169" s="4">
        <v>0</v>
      </c>
      <c r="AL169" s="4">
        <v>0</v>
      </c>
      <c r="AM169" s="4">
        <v>0</v>
      </c>
      <c r="AN169" s="4">
        <v>24</v>
      </c>
      <c r="AO169" s="4">
        <v>0</v>
      </c>
      <c r="AP169" s="4">
        <v>0</v>
      </c>
      <c r="AQ169" s="4">
        <v>0</v>
      </c>
      <c r="AR169" s="4">
        <v>0</v>
      </c>
      <c r="AS169" s="4">
        <v>0</v>
      </c>
      <c r="AT169" s="4">
        <v>24</v>
      </c>
      <c r="AU169" s="4">
        <v>24</v>
      </c>
      <c r="AV169" s="4">
        <v>0</v>
      </c>
      <c r="AW169" s="4">
        <v>24</v>
      </c>
      <c r="AX169" s="4">
        <v>0</v>
      </c>
    </row>
    <row r="170" spans="2:50">
      <c r="B170" t="s">
        <v>132</v>
      </c>
      <c r="C170" t="s">
        <v>134</v>
      </c>
      <c r="D170" t="s">
        <v>103</v>
      </c>
      <c r="E170">
        <v>5</v>
      </c>
      <c r="F170">
        <v>24</v>
      </c>
      <c r="G170" s="1">
        <v>3.8400000000000007</v>
      </c>
      <c r="H170" s="4">
        <v>24</v>
      </c>
      <c r="I170" s="4">
        <v>24</v>
      </c>
      <c r="J170" s="4">
        <v>24</v>
      </c>
      <c r="K170" s="4">
        <v>24</v>
      </c>
      <c r="L170" s="4">
        <v>24</v>
      </c>
      <c r="M170" s="4">
        <v>24</v>
      </c>
      <c r="N170" s="4">
        <v>0</v>
      </c>
      <c r="O170" s="4">
        <v>24</v>
      </c>
      <c r="P170" s="4">
        <v>0</v>
      </c>
      <c r="Q170" s="4">
        <v>24</v>
      </c>
      <c r="R170" s="4">
        <v>24</v>
      </c>
      <c r="S170" s="4">
        <v>24</v>
      </c>
      <c r="T170" s="4">
        <v>0</v>
      </c>
      <c r="U170" s="4">
        <v>24</v>
      </c>
      <c r="V170" s="4">
        <v>24</v>
      </c>
      <c r="W170" s="4">
        <v>24</v>
      </c>
      <c r="X170" s="4">
        <v>0</v>
      </c>
      <c r="Y170" s="4">
        <v>24</v>
      </c>
      <c r="Z170" s="4">
        <v>24</v>
      </c>
      <c r="AA170" s="4">
        <v>24</v>
      </c>
      <c r="AB170" s="4">
        <v>24</v>
      </c>
      <c r="AC170" s="4">
        <v>24</v>
      </c>
      <c r="AD170" s="4">
        <v>0</v>
      </c>
      <c r="AE170" s="4">
        <v>24</v>
      </c>
      <c r="AF170" s="4">
        <v>0</v>
      </c>
      <c r="AG170" s="4">
        <v>0</v>
      </c>
      <c r="AH170" s="4">
        <v>0</v>
      </c>
      <c r="AI170" s="4">
        <v>24</v>
      </c>
      <c r="AJ170" s="4">
        <v>24</v>
      </c>
      <c r="AK170" s="4">
        <v>0</v>
      </c>
      <c r="AL170" s="4">
        <v>0</v>
      </c>
      <c r="AM170" s="4">
        <v>0</v>
      </c>
      <c r="AN170" s="4">
        <v>24</v>
      </c>
      <c r="AO170" s="4">
        <v>0</v>
      </c>
      <c r="AP170" s="4">
        <v>24</v>
      </c>
      <c r="AQ170" s="4">
        <v>24</v>
      </c>
      <c r="AR170" s="4">
        <v>0</v>
      </c>
      <c r="AS170" s="4">
        <v>24</v>
      </c>
      <c r="AT170" s="4">
        <v>24</v>
      </c>
      <c r="AU170" s="4">
        <v>24</v>
      </c>
      <c r="AV170" s="4">
        <v>0</v>
      </c>
      <c r="AW170" s="4">
        <v>24</v>
      </c>
      <c r="AX170" s="4">
        <v>0</v>
      </c>
    </row>
    <row r="171" spans="2:50">
      <c r="B171" t="s">
        <v>135</v>
      </c>
      <c r="C171" t="s">
        <v>136</v>
      </c>
      <c r="D171" t="s">
        <v>137</v>
      </c>
      <c r="E171">
        <v>6</v>
      </c>
      <c r="F171">
        <v>25</v>
      </c>
      <c r="G171" s="1">
        <v>3.3333333333333335</v>
      </c>
      <c r="H171" s="4">
        <v>25</v>
      </c>
      <c r="I171" s="4">
        <v>25</v>
      </c>
      <c r="J171" s="4">
        <v>25</v>
      </c>
      <c r="K171" s="4">
        <v>25</v>
      </c>
      <c r="L171" s="4">
        <v>0</v>
      </c>
      <c r="M171" s="4">
        <v>25</v>
      </c>
      <c r="N171" s="4">
        <v>25</v>
      </c>
      <c r="O171" s="4">
        <v>25</v>
      </c>
      <c r="P171" s="4">
        <v>0</v>
      </c>
      <c r="Q171" s="4">
        <v>25</v>
      </c>
      <c r="R171" s="4">
        <v>0</v>
      </c>
      <c r="S171" s="4">
        <v>0</v>
      </c>
      <c r="T171" s="4">
        <v>0</v>
      </c>
      <c r="U171" s="4">
        <v>25</v>
      </c>
      <c r="V171" s="4">
        <v>25</v>
      </c>
      <c r="W171" s="4">
        <v>25</v>
      </c>
      <c r="X171" s="4">
        <v>25</v>
      </c>
      <c r="Y171" s="4">
        <v>0</v>
      </c>
      <c r="Z171" s="4">
        <v>25</v>
      </c>
      <c r="AA171" s="4">
        <v>25</v>
      </c>
      <c r="AB171" s="4">
        <v>25</v>
      </c>
      <c r="AC171" s="4">
        <v>25</v>
      </c>
      <c r="AD171" s="4">
        <v>0</v>
      </c>
      <c r="AE171" s="4">
        <v>0</v>
      </c>
      <c r="AF171" s="4">
        <v>25</v>
      </c>
      <c r="AG171" s="4">
        <v>0</v>
      </c>
      <c r="AH171" s="4">
        <v>0</v>
      </c>
      <c r="AI171" s="4">
        <v>25</v>
      </c>
      <c r="AJ171" s="4">
        <v>25</v>
      </c>
      <c r="AK171" s="4">
        <v>0</v>
      </c>
      <c r="AL171" s="4">
        <v>0</v>
      </c>
      <c r="AM171" s="4">
        <v>0</v>
      </c>
      <c r="AN171" s="4">
        <v>25</v>
      </c>
      <c r="AO171" s="4">
        <v>25</v>
      </c>
      <c r="AP171" s="4">
        <v>25</v>
      </c>
      <c r="AQ171" s="4">
        <v>0</v>
      </c>
      <c r="AR171" s="4">
        <v>0</v>
      </c>
      <c r="AS171" s="4">
        <v>0</v>
      </c>
      <c r="AT171" s="4">
        <v>25</v>
      </c>
      <c r="AU171" s="4">
        <v>25</v>
      </c>
      <c r="AV171" s="4">
        <v>0</v>
      </c>
      <c r="AW171" s="4">
        <v>25</v>
      </c>
      <c r="AX171" s="4">
        <v>0</v>
      </c>
    </row>
    <row r="172" spans="2:50">
      <c r="B172" t="s">
        <v>138</v>
      </c>
      <c r="C172" t="s">
        <v>139</v>
      </c>
      <c r="D172" t="s">
        <v>137</v>
      </c>
      <c r="E172">
        <v>4</v>
      </c>
      <c r="F172">
        <v>25</v>
      </c>
      <c r="G172" s="1">
        <v>5</v>
      </c>
      <c r="H172" s="4">
        <v>25</v>
      </c>
      <c r="I172" s="4">
        <v>25</v>
      </c>
      <c r="J172" s="4">
        <v>25</v>
      </c>
      <c r="K172" s="4">
        <v>25</v>
      </c>
      <c r="L172" s="4">
        <v>25</v>
      </c>
      <c r="M172" s="4">
        <v>25</v>
      </c>
      <c r="N172" s="4">
        <v>0</v>
      </c>
      <c r="O172" s="4">
        <v>25</v>
      </c>
      <c r="P172" s="4">
        <v>25</v>
      </c>
      <c r="Q172" s="4">
        <v>25</v>
      </c>
      <c r="R172" s="4">
        <v>25</v>
      </c>
      <c r="S172" s="4">
        <v>25</v>
      </c>
      <c r="T172" s="4">
        <v>25</v>
      </c>
      <c r="U172" s="4">
        <v>25</v>
      </c>
      <c r="V172" s="4">
        <v>25</v>
      </c>
      <c r="W172" s="4">
        <v>0</v>
      </c>
      <c r="X172" s="4">
        <v>25</v>
      </c>
      <c r="Y172" s="4">
        <v>0</v>
      </c>
      <c r="Z172" s="4">
        <v>25</v>
      </c>
      <c r="AA172" s="4">
        <v>0</v>
      </c>
      <c r="AB172" s="4">
        <v>25</v>
      </c>
      <c r="AC172" s="4">
        <v>25</v>
      </c>
      <c r="AD172" s="4">
        <v>0</v>
      </c>
      <c r="AE172" s="4">
        <v>25</v>
      </c>
      <c r="AF172" s="4">
        <v>0</v>
      </c>
      <c r="AG172" s="4">
        <v>0</v>
      </c>
      <c r="AH172" s="4">
        <v>0</v>
      </c>
      <c r="AI172" s="4">
        <v>25</v>
      </c>
      <c r="AJ172" s="4">
        <v>25</v>
      </c>
      <c r="AK172" s="4">
        <v>0</v>
      </c>
      <c r="AL172" s="4">
        <v>25</v>
      </c>
      <c r="AM172" s="4">
        <v>0</v>
      </c>
      <c r="AN172" s="4">
        <v>25</v>
      </c>
      <c r="AO172" s="4">
        <v>25</v>
      </c>
      <c r="AP172" s="4">
        <v>25</v>
      </c>
      <c r="AQ172" s="4">
        <v>25</v>
      </c>
      <c r="AR172" s="4">
        <v>0</v>
      </c>
      <c r="AS172" s="4">
        <v>0</v>
      </c>
      <c r="AT172" s="4">
        <v>25</v>
      </c>
      <c r="AU172" s="4">
        <v>25</v>
      </c>
      <c r="AV172" s="4">
        <v>0</v>
      </c>
      <c r="AW172" s="4">
        <v>25</v>
      </c>
      <c r="AX172" s="4">
        <v>0</v>
      </c>
    </row>
    <row r="173" spans="2:50">
      <c r="B173" t="s">
        <v>128</v>
      </c>
      <c r="C173" t="s">
        <v>140</v>
      </c>
      <c r="D173" t="s">
        <v>137</v>
      </c>
      <c r="E173">
        <v>5</v>
      </c>
      <c r="F173">
        <v>25</v>
      </c>
      <c r="G173" s="1">
        <v>4</v>
      </c>
      <c r="H173" s="4">
        <v>25</v>
      </c>
      <c r="I173" s="4">
        <v>25</v>
      </c>
      <c r="J173" s="4">
        <v>25</v>
      </c>
      <c r="K173" s="4">
        <v>25</v>
      </c>
      <c r="L173" s="4">
        <v>25</v>
      </c>
      <c r="M173" s="4">
        <v>25</v>
      </c>
      <c r="N173" s="4">
        <v>0</v>
      </c>
      <c r="O173" s="4">
        <v>25</v>
      </c>
      <c r="P173" s="4">
        <v>25</v>
      </c>
      <c r="Q173" s="4">
        <v>25</v>
      </c>
      <c r="R173" s="4">
        <v>25</v>
      </c>
      <c r="S173" s="4">
        <v>25</v>
      </c>
      <c r="T173" s="4">
        <v>25</v>
      </c>
      <c r="U173" s="4">
        <v>25</v>
      </c>
      <c r="V173" s="4">
        <v>25</v>
      </c>
      <c r="W173" s="4">
        <v>25</v>
      </c>
      <c r="X173" s="4">
        <v>25</v>
      </c>
      <c r="Y173" s="4">
        <v>25</v>
      </c>
      <c r="Z173" s="4">
        <v>25</v>
      </c>
      <c r="AA173" s="4">
        <v>25</v>
      </c>
      <c r="AB173" s="4">
        <v>25</v>
      </c>
      <c r="AC173" s="4">
        <v>25</v>
      </c>
      <c r="AD173" s="4">
        <v>0</v>
      </c>
      <c r="AE173" s="4">
        <v>0</v>
      </c>
      <c r="AF173" s="4">
        <v>25</v>
      </c>
      <c r="AG173" s="4">
        <v>0</v>
      </c>
      <c r="AH173" s="4">
        <v>25</v>
      </c>
      <c r="AI173" s="4">
        <v>0</v>
      </c>
      <c r="AJ173" s="4">
        <v>25</v>
      </c>
      <c r="AK173" s="4">
        <v>0</v>
      </c>
      <c r="AL173" s="4">
        <v>25</v>
      </c>
      <c r="AM173" s="4">
        <v>0</v>
      </c>
      <c r="AN173" s="4">
        <v>25</v>
      </c>
      <c r="AO173" s="4">
        <v>0</v>
      </c>
      <c r="AP173" s="4">
        <v>0</v>
      </c>
      <c r="AQ173" s="4">
        <v>25</v>
      </c>
      <c r="AR173" s="4">
        <v>0</v>
      </c>
      <c r="AS173" s="4">
        <v>25</v>
      </c>
      <c r="AT173" s="4">
        <v>25</v>
      </c>
      <c r="AU173" s="4">
        <v>25</v>
      </c>
      <c r="AV173" s="4">
        <v>0</v>
      </c>
      <c r="AW173" s="4">
        <v>25</v>
      </c>
      <c r="AX173" s="4">
        <v>25</v>
      </c>
    </row>
    <row r="174" spans="2:50">
      <c r="B174" t="s">
        <v>120</v>
      </c>
      <c r="C174" t="s">
        <v>141</v>
      </c>
      <c r="D174" t="s">
        <v>101</v>
      </c>
      <c r="E174">
        <v>6</v>
      </c>
      <c r="F174">
        <v>26</v>
      </c>
      <c r="G174" s="1">
        <v>3.4666666666666668</v>
      </c>
      <c r="H174" s="4">
        <v>26</v>
      </c>
      <c r="I174" s="4">
        <v>26</v>
      </c>
      <c r="J174" s="4">
        <v>26</v>
      </c>
      <c r="K174" s="4">
        <v>26</v>
      </c>
      <c r="L174" s="4">
        <v>26</v>
      </c>
      <c r="M174" s="4">
        <v>26</v>
      </c>
      <c r="N174" s="4">
        <v>26</v>
      </c>
      <c r="O174" s="4">
        <v>0</v>
      </c>
      <c r="P174" s="4">
        <v>0</v>
      </c>
      <c r="Q174" s="4">
        <v>26</v>
      </c>
      <c r="R174" s="4">
        <v>26</v>
      </c>
      <c r="S174" s="4">
        <v>26</v>
      </c>
      <c r="T174" s="4">
        <v>26</v>
      </c>
      <c r="U174" s="4">
        <v>26</v>
      </c>
      <c r="V174" s="4">
        <v>26</v>
      </c>
      <c r="W174" s="4">
        <v>26</v>
      </c>
      <c r="X174" s="4">
        <v>0</v>
      </c>
      <c r="Y174" s="4">
        <v>0</v>
      </c>
      <c r="Z174" s="4">
        <v>26</v>
      </c>
      <c r="AA174" s="4">
        <v>26</v>
      </c>
      <c r="AB174" s="4">
        <v>26</v>
      </c>
      <c r="AC174" s="4">
        <v>26</v>
      </c>
      <c r="AD174" s="4">
        <v>0</v>
      </c>
      <c r="AE174" s="4">
        <v>0</v>
      </c>
      <c r="AF174" s="4">
        <v>0</v>
      </c>
      <c r="AG174" s="4">
        <v>0</v>
      </c>
      <c r="AH174" s="4">
        <v>0</v>
      </c>
      <c r="AI174" s="4">
        <v>0</v>
      </c>
      <c r="AJ174" s="4">
        <v>26</v>
      </c>
      <c r="AK174" s="4">
        <v>0</v>
      </c>
      <c r="AL174" s="4">
        <v>0</v>
      </c>
      <c r="AM174" s="4">
        <v>0</v>
      </c>
      <c r="AN174" s="4">
        <v>26</v>
      </c>
      <c r="AO174" s="4">
        <v>0</v>
      </c>
      <c r="AP174" s="4">
        <v>0</v>
      </c>
      <c r="AQ174" s="4">
        <v>26</v>
      </c>
      <c r="AR174" s="4">
        <v>0</v>
      </c>
      <c r="AS174" s="4">
        <v>0</v>
      </c>
      <c r="AT174" s="4">
        <v>26</v>
      </c>
      <c r="AU174" s="4">
        <v>26</v>
      </c>
      <c r="AV174" s="4">
        <v>0</v>
      </c>
      <c r="AW174" s="4">
        <v>26</v>
      </c>
      <c r="AX174" s="4">
        <v>0</v>
      </c>
    </row>
    <row r="175" spans="2:50">
      <c r="B175" t="s">
        <v>130</v>
      </c>
      <c r="C175" t="s">
        <v>142</v>
      </c>
      <c r="D175" t="s">
        <v>101</v>
      </c>
      <c r="E175">
        <v>4</v>
      </c>
      <c r="F175">
        <v>26</v>
      </c>
      <c r="G175" s="1">
        <v>5.2</v>
      </c>
      <c r="H175" s="4">
        <v>26</v>
      </c>
      <c r="I175" s="4">
        <v>0</v>
      </c>
      <c r="J175" s="4">
        <v>0</v>
      </c>
      <c r="K175" s="4">
        <v>26</v>
      </c>
      <c r="L175" s="4">
        <v>26</v>
      </c>
      <c r="M175" s="4">
        <v>26</v>
      </c>
      <c r="N175" s="4">
        <v>0</v>
      </c>
      <c r="O175" s="4">
        <v>0</v>
      </c>
      <c r="P175" s="4">
        <v>0</v>
      </c>
      <c r="Q175" s="4">
        <v>26</v>
      </c>
      <c r="R175" s="4">
        <v>0</v>
      </c>
      <c r="S175" s="4">
        <v>26</v>
      </c>
      <c r="T175" s="4">
        <v>0</v>
      </c>
      <c r="U175" s="4">
        <v>26</v>
      </c>
      <c r="V175" s="4">
        <v>26</v>
      </c>
      <c r="W175" s="4">
        <v>26</v>
      </c>
      <c r="X175" s="4">
        <v>0</v>
      </c>
      <c r="Y175" s="4">
        <v>26</v>
      </c>
      <c r="Z175" s="4">
        <v>26</v>
      </c>
      <c r="AA175" s="4">
        <v>26</v>
      </c>
      <c r="AB175" s="4">
        <v>26</v>
      </c>
      <c r="AC175" s="4">
        <v>26</v>
      </c>
      <c r="AD175" s="4">
        <v>0</v>
      </c>
      <c r="AE175" s="4">
        <v>0</v>
      </c>
      <c r="AF175" s="4">
        <v>0</v>
      </c>
      <c r="AG175" s="4">
        <v>0</v>
      </c>
      <c r="AH175" s="4">
        <v>0</v>
      </c>
      <c r="AI175" s="4">
        <v>0</v>
      </c>
      <c r="AJ175" s="4">
        <v>26</v>
      </c>
      <c r="AK175" s="4">
        <v>0</v>
      </c>
      <c r="AL175" s="4">
        <v>0</v>
      </c>
      <c r="AM175" s="4">
        <v>0</v>
      </c>
      <c r="AN175" s="4">
        <v>26</v>
      </c>
      <c r="AO175" s="4">
        <v>0</v>
      </c>
      <c r="AP175" s="4">
        <v>0</v>
      </c>
      <c r="AQ175" s="4">
        <v>0</v>
      </c>
      <c r="AR175" s="4">
        <v>0</v>
      </c>
      <c r="AS175" s="4">
        <v>0</v>
      </c>
      <c r="AT175" s="4">
        <v>26</v>
      </c>
      <c r="AU175" s="4">
        <v>26</v>
      </c>
      <c r="AV175" s="4">
        <v>0</v>
      </c>
      <c r="AW175" s="4">
        <v>26</v>
      </c>
      <c r="AX175" s="4">
        <v>0</v>
      </c>
    </row>
    <row r="176" spans="2:50">
      <c r="B176" t="s">
        <v>123</v>
      </c>
      <c r="C176" t="s">
        <v>143</v>
      </c>
      <c r="D176" t="s">
        <v>101</v>
      </c>
      <c r="E176">
        <v>5</v>
      </c>
      <c r="F176">
        <v>26</v>
      </c>
      <c r="G176" s="1">
        <v>4.16</v>
      </c>
      <c r="H176" s="4">
        <v>26</v>
      </c>
      <c r="I176" s="4">
        <v>26</v>
      </c>
      <c r="J176" s="4">
        <v>26</v>
      </c>
      <c r="K176" s="4">
        <v>26</v>
      </c>
      <c r="L176" s="4">
        <v>26</v>
      </c>
      <c r="M176" s="4">
        <v>26</v>
      </c>
      <c r="N176" s="4">
        <v>0</v>
      </c>
      <c r="O176" s="4">
        <v>26</v>
      </c>
      <c r="P176" s="4">
        <v>26</v>
      </c>
      <c r="Q176" s="4">
        <v>26</v>
      </c>
      <c r="R176" s="4">
        <v>26</v>
      </c>
      <c r="S176" s="4">
        <v>26</v>
      </c>
      <c r="T176" s="4">
        <v>0</v>
      </c>
      <c r="U176" s="4">
        <v>26</v>
      </c>
      <c r="V176" s="4">
        <v>26</v>
      </c>
      <c r="W176" s="4">
        <v>26</v>
      </c>
      <c r="X176" s="4">
        <v>26</v>
      </c>
      <c r="Y176" s="4">
        <v>26</v>
      </c>
      <c r="Z176" s="4">
        <v>26</v>
      </c>
      <c r="AA176" s="4">
        <v>26</v>
      </c>
      <c r="AB176" s="4">
        <v>26</v>
      </c>
      <c r="AC176" s="4">
        <v>26</v>
      </c>
      <c r="AD176" s="4">
        <v>0</v>
      </c>
      <c r="AE176" s="4">
        <v>26</v>
      </c>
      <c r="AF176" s="4">
        <v>0</v>
      </c>
      <c r="AG176" s="4">
        <v>0</v>
      </c>
      <c r="AH176" s="4">
        <v>26</v>
      </c>
      <c r="AI176" s="4">
        <v>26</v>
      </c>
      <c r="AJ176" s="4">
        <v>26</v>
      </c>
      <c r="AK176" s="4">
        <v>0</v>
      </c>
      <c r="AL176" s="4">
        <v>0</v>
      </c>
      <c r="AM176" s="4">
        <v>26</v>
      </c>
      <c r="AN176" s="4">
        <v>26</v>
      </c>
      <c r="AO176" s="4">
        <v>26</v>
      </c>
      <c r="AP176" s="4">
        <v>26</v>
      </c>
      <c r="AQ176" s="4">
        <v>26</v>
      </c>
      <c r="AR176" s="4">
        <v>0</v>
      </c>
      <c r="AS176" s="4">
        <v>26</v>
      </c>
      <c r="AT176" s="4">
        <v>26</v>
      </c>
      <c r="AU176" s="4">
        <v>26</v>
      </c>
      <c r="AV176" s="4">
        <v>0</v>
      </c>
      <c r="AW176" s="4">
        <v>26</v>
      </c>
      <c r="AX176" s="4">
        <v>26</v>
      </c>
    </row>
    <row r="177" spans="2:50">
      <c r="B177" t="s">
        <v>132</v>
      </c>
      <c r="C177" t="s">
        <v>144</v>
      </c>
      <c r="D177" t="s">
        <v>101</v>
      </c>
      <c r="E177">
        <v>4</v>
      </c>
      <c r="F177">
        <v>26</v>
      </c>
      <c r="G177" s="1">
        <v>5.2</v>
      </c>
      <c r="H177" s="4">
        <v>26</v>
      </c>
      <c r="I177" s="4">
        <v>26</v>
      </c>
      <c r="J177" s="4">
        <v>0</v>
      </c>
      <c r="K177" s="4">
        <v>26</v>
      </c>
      <c r="L177" s="4">
        <v>26</v>
      </c>
      <c r="M177" s="4">
        <v>26</v>
      </c>
      <c r="N177" s="4">
        <v>0</v>
      </c>
      <c r="O177" s="4">
        <v>26</v>
      </c>
      <c r="P177" s="4">
        <v>26</v>
      </c>
      <c r="Q177" s="4">
        <v>26</v>
      </c>
      <c r="R177" s="4">
        <v>26</v>
      </c>
      <c r="S177" s="4">
        <v>26</v>
      </c>
      <c r="T177" s="4">
        <v>26</v>
      </c>
      <c r="U177" s="4">
        <v>26</v>
      </c>
      <c r="V177" s="4">
        <v>26</v>
      </c>
      <c r="W177" s="4">
        <v>26</v>
      </c>
      <c r="X177" s="4">
        <v>26</v>
      </c>
      <c r="Y177" s="4">
        <v>0</v>
      </c>
      <c r="Z177" s="4">
        <v>26</v>
      </c>
      <c r="AA177" s="4">
        <v>26</v>
      </c>
      <c r="AB177" s="4">
        <v>26</v>
      </c>
      <c r="AC177" s="4">
        <v>26</v>
      </c>
      <c r="AD177" s="4">
        <v>0</v>
      </c>
      <c r="AE177" s="4">
        <v>0</v>
      </c>
      <c r="AF177" s="4">
        <v>0</v>
      </c>
      <c r="AG177" s="4">
        <v>0</v>
      </c>
      <c r="AH177" s="4">
        <v>26</v>
      </c>
      <c r="AI177" s="4">
        <v>26</v>
      </c>
      <c r="AJ177" s="4">
        <v>26</v>
      </c>
      <c r="AK177" s="4">
        <v>0</v>
      </c>
      <c r="AL177" s="4">
        <v>26</v>
      </c>
      <c r="AM177" s="4">
        <v>0</v>
      </c>
      <c r="AN177" s="4">
        <v>26</v>
      </c>
      <c r="AO177" s="4">
        <v>0</v>
      </c>
      <c r="AP177" s="4">
        <v>26</v>
      </c>
      <c r="AQ177" s="4">
        <v>0</v>
      </c>
      <c r="AR177" s="4">
        <v>0</v>
      </c>
      <c r="AS177" s="4">
        <v>0</v>
      </c>
      <c r="AT177" s="4">
        <v>26</v>
      </c>
      <c r="AU177" s="4">
        <v>26</v>
      </c>
      <c r="AV177" s="4">
        <v>0</v>
      </c>
      <c r="AW177" s="4">
        <v>26</v>
      </c>
      <c r="AX177" s="4">
        <v>26</v>
      </c>
    </row>
    <row r="178" spans="2:50">
      <c r="B178" t="s">
        <v>145</v>
      </c>
      <c r="C178" t="s">
        <v>146</v>
      </c>
      <c r="D178" t="s">
        <v>147</v>
      </c>
      <c r="E178">
        <v>6</v>
      </c>
      <c r="F178">
        <v>27</v>
      </c>
      <c r="G178" s="1">
        <v>3.6</v>
      </c>
      <c r="H178" s="4">
        <v>27</v>
      </c>
      <c r="I178" s="4">
        <v>27</v>
      </c>
      <c r="J178" s="4">
        <v>0</v>
      </c>
      <c r="K178" s="4">
        <v>27</v>
      </c>
      <c r="L178" s="4">
        <v>27</v>
      </c>
      <c r="M178" s="4">
        <v>27</v>
      </c>
      <c r="N178" s="4">
        <v>27</v>
      </c>
      <c r="O178" s="4">
        <v>27</v>
      </c>
      <c r="P178" s="4">
        <v>27</v>
      </c>
      <c r="Q178" s="4">
        <v>27</v>
      </c>
      <c r="R178" s="4">
        <v>27</v>
      </c>
      <c r="S178" s="4">
        <v>27</v>
      </c>
      <c r="T178" s="4">
        <v>27</v>
      </c>
      <c r="U178" s="4">
        <v>27</v>
      </c>
      <c r="V178" s="4">
        <v>27</v>
      </c>
      <c r="W178" s="4">
        <v>27</v>
      </c>
      <c r="X178" s="4">
        <v>27</v>
      </c>
      <c r="Y178" s="4">
        <v>0</v>
      </c>
      <c r="Z178" s="4">
        <v>27</v>
      </c>
      <c r="AA178" s="4">
        <v>27</v>
      </c>
      <c r="AB178" s="4">
        <v>27</v>
      </c>
      <c r="AC178" s="4">
        <v>27</v>
      </c>
      <c r="AD178" s="4">
        <v>0</v>
      </c>
      <c r="AE178" s="4">
        <v>0</v>
      </c>
      <c r="AF178" s="4">
        <v>0</v>
      </c>
      <c r="AG178" s="4">
        <v>0</v>
      </c>
      <c r="AH178" s="4">
        <v>0</v>
      </c>
      <c r="AI178" s="4">
        <v>27</v>
      </c>
      <c r="AJ178" s="4">
        <v>27</v>
      </c>
      <c r="AK178" s="4">
        <v>0</v>
      </c>
      <c r="AL178" s="4">
        <v>0</v>
      </c>
      <c r="AM178" s="4">
        <v>0</v>
      </c>
      <c r="AN178" s="4">
        <v>27</v>
      </c>
      <c r="AO178" s="4">
        <v>0</v>
      </c>
      <c r="AP178" s="4">
        <v>27</v>
      </c>
      <c r="AQ178" s="4">
        <v>27</v>
      </c>
      <c r="AR178" s="4">
        <v>0</v>
      </c>
      <c r="AS178" s="4">
        <v>0</v>
      </c>
      <c r="AT178" s="4">
        <v>27</v>
      </c>
      <c r="AU178" s="4">
        <v>27</v>
      </c>
      <c r="AV178" s="4">
        <v>0</v>
      </c>
      <c r="AW178" s="4">
        <v>27</v>
      </c>
      <c r="AX178" s="4">
        <v>27</v>
      </c>
    </row>
    <row r="179" spans="2:50">
      <c r="B179" t="s">
        <v>148</v>
      </c>
      <c r="C179" t="s">
        <v>149</v>
      </c>
      <c r="D179" t="s">
        <v>147</v>
      </c>
      <c r="E179">
        <v>7</v>
      </c>
      <c r="F179">
        <v>27</v>
      </c>
      <c r="G179" s="1">
        <v>3.0857142857142859</v>
      </c>
      <c r="H179" s="4">
        <v>27</v>
      </c>
      <c r="I179" s="4">
        <v>0</v>
      </c>
      <c r="J179" s="4">
        <v>0</v>
      </c>
      <c r="K179" s="4">
        <v>27</v>
      </c>
      <c r="L179" s="4">
        <v>0</v>
      </c>
      <c r="M179" s="4">
        <v>27</v>
      </c>
      <c r="N179" s="4">
        <v>27</v>
      </c>
      <c r="O179" s="4">
        <v>27</v>
      </c>
      <c r="P179" s="4">
        <v>0</v>
      </c>
      <c r="Q179" s="4">
        <v>27</v>
      </c>
      <c r="R179" s="4">
        <v>0</v>
      </c>
      <c r="S179" s="4">
        <v>0</v>
      </c>
      <c r="T179" s="4">
        <v>0</v>
      </c>
      <c r="U179" s="4">
        <v>27</v>
      </c>
      <c r="V179" s="4">
        <v>27</v>
      </c>
      <c r="W179" s="4">
        <v>27</v>
      </c>
      <c r="X179" s="4">
        <v>0</v>
      </c>
      <c r="Y179" s="4">
        <v>0</v>
      </c>
      <c r="Z179" s="4">
        <v>27</v>
      </c>
      <c r="AA179" s="4">
        <v>27</v>
      </c>
      <c r="AB179" s="4">
        <v>27</v>
      </c>
      <c r="AC179" s="4">
        <v>27</v>
      </c>
      <c r="AD179" s="4">
        <v>0</v>
      </c>
      <c r="AE179" s="4">
        <v>0</v>
      </c>
      <c r="AF179" s="4">
        <v>0</v>
      </c>
      <c r="AG179" s="4">
        <v>0</v>
      </c>
      <c r="AH179" s="4">
        <v>0</v>
      </c>
      <c r="AI179" s="4">
        <v>27</v>
      </c>
      <c r="AJ179" s="4">
        <v>27</v>
      </c>
      <c r="AK179" s="4">
        <v>0</v>
      </c>
      <c r="AL179" s="4">
        <v>0</v>
      </c>
      <c r="AM179" s="4">
        <v>0</v>
      </c>
      <c r="AN179" s="4">
        <v>27</v>
      </c>
      <c r="AO179" s="4">
        <v>27</v>
      </c>
      <c r="AP179" s="4">
        <v>27</v>
      </c>
      <c r="AQ179" s="4">
        <v>0</v>
      </c>
      <c r="AR179" s="4">
        <v>0</v>
      </c>
      <c r="AS179" s="4">
        <v>0</v>
      </c>
      <c r="AT179" s="4">
        <v>27</v>
      </c>
      <c r="AU179" s="4">
        <v>27</v>
      </c>
      <c r="AV179" s="4">
        <v>0</v>
      </c>
      <c r="AW179" s="4">
        <v>27</v>
      </c>
      <c r="AX179" s="4">
        <v>0</v>
      </c>
    </row>
    <row r="180" spans="2:50">
      <c r="B180" t="s">
        <v>128</v>
      </c>
      <c r="C180" t="s">
        <v>150</v>
      </c>
      <c r="D180" t="s">
        <v>147</v>
      </c>
      <c r="E180">
        <v>4</v>
      </c>
      <c r="F180">
        <v>27</v>
      </c>
      <c r="G180" s="1">
        <v>5.4</v>
      </c>
      <c r="H180" s="4">
        <v>27</v>
      </c>
      <c r="I180" s="4">
        <v>27</v>
      </c>
      <c r="J180" s="4">
        <v>27</v>
      </c>
      <c r="K180" s="4">
        <v>27</v>
      </c>
      <c r="L180" s="4">
        <v>27</v>
      </c>
      <c r="M180" s="4">
        <v>27</v>
      </c>
      <c r="N180" s="4">
        <v>0</v>
      </c>
      <c r="O180" s="4">
        <v>27</v>
      </c>
      <c r="P180" s="4">
        <v>27</v>
      </c>
      <c r="Q180" s="4">
        <v>27</v>
      </c>
      <c r="R180" s="4">
        <v>27</v>
      </c>
      <c r="S180" s="4">
        <v>27</v>
      </c>
      <c r="T180" s="4">
        <v>27</v>
      </c>
      <c r="U180" s="4">
        <v>27</v>
      </c>
      <c r="V180" s="4">
        <v>27</v>
      </c>
      <c r="W180" s="4">
        <v>27</v>
      </c>
      <c r="X180" s="4">
        <v>0</v>
      </c>
      <c r="Y180" s="4">
        <v>27</v>
      </c>
      <c r="Z180" s="4">
        <v>27</v>
      </c>
      <c r="AA180" s="4">
        <v>27</v>
      </c>
      <c r="AB180" s="4">
        <v>27</v>
      </c>
      <c r="AC180" s="4">
        <v>27</v>
      </c>
      <c r="AD180" s="4">
        <v>0</v>
      </c>
      <c r="AE180" s="4">
        <v>0</v>
      </c>
      <c r="AF180" s="4">
        <v>27</v>
      </c>
      <c r="AG180" s="4">
        <v>0</v>
      </c>
      <c r="AH180" s="4">
        <v>27</v>
      </c>
      <c r="AI180" s="4">
        <v>0</v>
      </c>
      <c r="AJ180" s="4">
        <v>27</v>
      </c>
      <c r="AK180" s="4">
        <v>0</v>
      </c>
      <c r="AL180" s="4">
        <v>27</v>
      </c>
      <c r="AM180" s="4">
        <v>0</v>
      </c>
      <c r="AN180" s="4">
        <v>27</v>
      </c>
      <c r="AO180" s="4">
        <v>0</v>
      </c>
      <c r="AP180" s="4">
        <v>0</v>
      </c>
      <c r="AQ180" s="4">
        <v>27</v>
      </c>
      <c r="AR180" s="4">
        <v>0</v>
      </c>
      <c r="AS180" s="4">
        <v>27</v>
      </c>
      <c r="AT180" s="4">
        <v>27</v>
      </c>
      <c r="AU180" s="4">
        <v>27</v>
      </c>
      <c r="AV180" s="4">
        <v>0</v>
      </c>
      <c r="AW180" s="4">
        <v>27</v>
      </c>
      <c r="AX180" s="4">
        <v>27</v>
      </c>
    </row>
    <row r="181" spans="2:50">
      <c r="B181" t="s">
        <v>145</v>
      </c>
      <c r="C181" t="s">
        <v>151</v>
      </c>
      <c r="D181" t="s">
        <v>95</v>
      </c>
      <c r="E181">
        <v>6</v>
      </c>
      <c r="F181">
        <v>28</v>
      </c>
      <c r="G181" s="1">
        <v>3.7333333333333338</v>
      </c>
      <c r="H181" s="4">
        <v>28</v>
      </c>
      <c r="I181" s="4">
        <v>28</v>
      </c>
      <c r="J181" s="4">
        <v>28</v>
      </c>
      <c r="K181" s="4">
        <v>28</v>
      </c>
      <c r="L181" s="4">
        <v>28</v>
      </c>
      <c r="M181" s="4">
        <v>28</v>
      </c>
      <c r="N181" s="4">
        <v>28</v>
      </c>
      <c r="O181" s="4">
        <v>28</v>
      </c>
      <c r="P181" s="4">
        <v>28</v>
      </c>
      <c r="Q181" s="4">
        <v>28</v>
      </c>
      <c r="R181" s="4">
        <v>28</v>
      </c>
      <c r="S181" s="4">
        <v>28</v>
      </c>
      <c r="T181" s="4">
        <v>0</v>
      </c>
      <c r="U181" s="4">
        <v>28</v>
      </c>
      <c r="V181" s="4">
        <v>28</v>
      </c>
      <c r="W181" s="4">
        <v>28</v>
      </c>
      <c r="X181" s="4">
        <v>28</v>
      </c>
      <c r="Y181" s="4">
        <v>0</v>
      </c>
      <c r="Z181" s="4">
        <v>28</v>
      </c>
      <c r="AA181" s="4">
        <v>28</v>
      </c>
      <c r="AB181" s="4">
        <v>28</v>
      </c>
      <c r="AC181" s="4">
        <v>28</v>
      </c>
      <c r="AD181" s="4">
        <v>0</v>
      </c>
      <c r="AE181" s="4">
        <v>0</v>
      </c>
      <c r="AF181" s="4">
        <v>0</v>
      </c>
      <c r="AG181" s="4">
        <v>0</v>
      </c>
      <c r="AH181" s="4">
        <v>0</v>
      </c>
      <c r="AI181" s="4">
        <v>28</v>
      </c>
      <c r="AJ181" s="4">
        <v>28</v>
      </c>
      <c r="AK181" s="4">
        <v>0</v>
      </c>
      <c r="AL181" s="4">
        <v>0</v>
      </c>
      <c r="AM181" s="4">
        <v>0</v>
      </c>
      <c r="AN181" s="4">
        <v>28</v>
      </c>
      <c r="AO181" s="4">
        <v>28</v>
      </c>
      <c r="AP181" s="4">
        <v>28</v>
      </c>
      <c r="AQ181" s="4">
        <v>28</v>
      </c>
      <c r="AR181" s="4">
        <v>0</v>
      </c>
      <c r="AS181" s="4">
        <v>0</v>
      </c>
      <c r="AT181" s="4">
        <v>28</v>
      </c>
      <c r="AU181" s="4">
        <v>28</v>
      </c>
      <c r="AV181" s="4">
        <v>0</v>
      </c>
      <c r="AW181" s="4">
        <v>28</v>
      </c>
      <c r="AX181" s="4">
        <v>0</v>
      </c>
    </row>
    <row r="182" spans="2:50">
      <c r="B182" t="s">
        <v>152</v>
      </c>
      <c r="C182" t="s">
        <v>153</v>
      </c>
      <c r="D182" t="s">
        <v>95</v>
      </c>
      <c r="E182">
        <v>5</v>
      </c>
      <c r="F182">
        <v>28</v>
      </c>
      <c r="G182" s="1">
        <v>4.4800000000000004</v>
      </c>
      <c r="H182" s="4">
        <v>28</v>
      </c>
      <c r="I182" s="4">
        <v>28</v>
      </c>
      <c r="J182" s="4">
        <v>0</v>
      </c>
      <c r="K182" s="4">
        <v>28</v>
      </c>
      <c r="L182" s="4">
        <v>28</v>
      </c>
      <c r="M182" s="4">
        <v>28</v>
      </c>
      <c r="N182" s="4">
        <v>28</v>
      </c>
      <c r="O182" s="4">
        <v>0</v>
      </c>
      <c r="P182" s="4">
        <v>0</v>
      </c>
      <c r="Q182" s="4">
        <v>28</v>
      </c>
      <c r="R182" s="4">
        <v>28</v>
      </c>
      <c r="S182" s="4">
        <v>28</v>
      </c>
      <c r="T182" s="4">
        <v>28</v>
      </c>
      <c r="U182" s="4">
        <v>28</v>
      </c>
      <c r="V182" s="4">
        <v>28</v>
      </c>
      <c r="W182" s="4">
        <v>28</v>
      </c>
      <c r="X182" s="4">
        <v>0</v>
      </c>
      <c r="Y182" s="4">
        <v>28</v>
      </c>
      <c r="Z182" s="4">
        <v>28</v>
      </c>
      <c r="AA182" s="4">
        <v>28</v>
      </c>
      <c r="AB182" s="4">
        <v>28</v>
      </c>
      <c r="AC182" s="4">
        <v>28</v>
      </c>
      <c r="AD182" s="4">
        <v>0</v>
      </c>
      <c r="AE182" s="4">
        <v>0</v>
      </c>
      <c r="AF182" s="4">
        <v>0</v>
      </c>
      <c r="AG182" s="4">
        <v>0</v>
      </c>
      <c r="AH182" s="4">
        <v>28</v>
      </c>
      <c r="AI182" s="4">
        <v>28</v>
      </c>
      <c r="AJ182" s="4">
        <v>0</v>
      </c>
      <c r="AK182" s="4">
        <v>0</v>
      </c>
      <c r="AL182" s="4">
        <v>0</v>
      </c>
      <c r="AM182" s="4">
        <v>0</v>
      </c>
      <c r="AN182" s="4">
        <v>28</v>
      </c>
      <c r="AO182" s="4">
        <v>28</v>
      </c>
      <c r="AP182" s="4">
        <v>28</v>
      </c>
      <c r="AQ182" s="4">
        <v>0</v>
      </c>
      <c r="AR182" s="4">
        <v>0</v>
      </c>
      <c r="AS182" s="4">
        <v>28</v>
      </c>
      <c r="AT182" s="4">
        <v>28</v>
      </c>
      <c r="AU182" s="4">
        <v>28</v>
      </c>
      <c r="AV182" s="4">
        <v>0</v>
      </c>
      <c r="AW182" s="4">
        <v>28</v>
      </c>
      <c r="AX182" s="4">
        <v>0</v>
      </c>
    </row>
    <row r="183" spans="2:50">
      <c r="B183" t="s">
        <v>128</v>
      </c>
      <c r="C183" t="s">
        <v>154</v>
      </c>
      <c r="D183" t="s">
        <v>95</v>
      </c>
      <c r="E183">
        <v>7</v>
      </c>
      <c r="F183">
        <v>28</v>
      </c>
      <c r="G183" s="1">
        <v>3.2</v>
      </c>
      <c r="H183" s="4">
        <v>28</v>
      </c>
      <c r="I183" s="4">
        <v>28</v>
      </c>
      <c r="J183" s="4">
        <v>28</v>
      </c>
      <c r="K183" s="4">
        <v>28</v>
      </c>
      <c r="L183" s="4">
        <v>28</v>
      </c>
      <c r="M183" s="4">
        <v>28</v>
      </c>
      <c r="N183" s="4">
        <v>0</v>
      </c>
      <c r="O183" s="4">
        <v>28</v>
      </c>
      <c r="P183" s="4">
        <v>0</v>
      </c>
      <c r="Q183" s="4">
        <v>28</v>
      </c>
      <c r="R183" s="4">
        <v>0</v>
      </c>
      <c r="S183" s="4">
        <v>28</v>
      </c>
      <c r="T183" s="4">
        <v>28</v>
      </c>
      <c r="U183" s="4">
        <v>28</v>
      </c>
      <c r="V183" s="4">
        <v>28</v>
      </c>
      <c r="W183" s="4">
        <v>28</v>
      </c>
      <c r="X183" s="4">
        <v>0</v>
      </c>
      <c r="Y183" s="4">
        <v>0</v>
      </c>
      <c r="Z183" s="4">
        <v>28</v>
      </c>
      <c r="AA183" s="4">
        <v>28</v>
      </c>
      <c r="AB183" s="4">
        <v>28</v>
      </c>
      <c r="AC183" s="4">
        <v>28</v>
      </c>
      <c r="AD183" s="4">
        <v>0</v>
      </c>
      <c r="AE183" s="4">
        <v>0</v>
      </c>
      <c r="AF183" s="4">
        <v>28</v>
      </c>
      <c r="AG183" s="4">
        <v>0</v>
      </c>
      <c r="AH183" s="4">
        <v>28</v>
      </c>
      <c r="AI183" s="4">
        <v>0</v>
      </c>
      <c r="AJ183" s="4">
        <v>28</v>
      </c>
      <c r="AK183" s="4">
        <v>0</v>
      </c>
      <c r="AL183" s="4">
        <v>0</v>
      </c>
      <c r="AM183" s="4">
        <v>0</v>
      </c>
      <c r="AN183" s="4">
        <v>28</v>
      </c>
      <c r="AO183" s="4">
        <v>0</v>
      </c>
      <c r="AP183" s="4">
        <v>0</v>
      </c>
      <c r="AQ183" s="4">
        <v>28</v>
      </c>
      <c r="AR183" s="4">
        <v>0</v>
      </c>
      <c r="AS183" s="4">
        <v>28</v>
      </c>
      <c r="AT183" s="4">
        <v>28</v>
      </c>
      <c r="AU183" s="4">
        <v>28</v>
      </c>
      <c r="AV183" s="4">
        <v>0</v>
      </c>
      <c r="AW183" s="4">
        <v>28</v>
      </c>
      <c r="AX183" s="4">
        <v>28</v>
      </c>
    </row>
    <row r="184" spans="2:50">
      <c r="B184" t="s">
        <v>155</v>
      </c>
      <c r="C184" t="s">
        <v>156</v>
      </c>
      <c r="D184" t="s">
        <v>157</v>
      </c>
      <c r="E184">
        <v>8</v>
      </c>
      <c r="F184">
        <v>29</v>
      </c>
      <c r="G184" s="1">
        <v>2.9000000000000004</v>
      </c>
      <c r="H184" s="4">
        <v>29</v>
      </c>
      <c r="I184" s="4">
        <v>0</v>
      </c>
      <c r="J184" s="4">
        <v>0</v>
      </c>
      <c r="K184" s="4">
        <v>29</v>
      </c>
      <c r="L184" s="4">
        <v>29</v>
      </c>
      <c r="M184" s="4">
        <v>29</v>
      </c>
      <c r="N184" s="4">
        <v>29</v>
      </c>
      <c r="O184" s="4">
        <v>0</v>
      </c>
      <c r="P184" s="4">
        <v>0</v>
      </c>
      <c r="Q184" s="4">
        <v>29</v>
      </c>
      <c r="R184" s="4">
        <v>0</v>
      </c>
      <c r="S184" s="4">
        <v>29</v>
      </c>
      <c r="T184" s="4">
        <v>0</v>
      </c>
      <c r="U184" s="4">
        <v>29</v>
      </c>
      <c r="V184" s="4">
        <v>0</v>
      </c>
      <c r="W184" s="4">
        <v>29</v>
      </c>
      <c r="X184" s="4">
        <v>0</v>
      </c>
      <c r="Y184" s="4">
        <v>0</v>
      </c>
      <c r="Z184" s="4">
        <v>29</v>
      </c>
      <c r="AA184" s="4">
        <v>29</v>
      </c>
      <c r="AB184" s="4">
        <v>29</v>
      </c>
      <c r="AC184" s="4">
        <v>0</v>
      </c>
      <c r="AD184" s="4">
        <v>0</v>
      </c>
      <c r="AE184" s="4">
        <v>0</v>
      </c>
      <c r="AF184" s="4">
        <v>0</v>
      </c>
      <c r="AG184" s="4">
        <v>0</v>
      </c>
      <c r="AH184" s="4">
        <v>0</v>
      </c>
      <c r="AI184" s="4">
        <v>0</v>
      </c>
      <c r="AJ184" s="4">
        <v>0</v>
      </c>
      <c r="AK184" s="4">
        <v>0</v>
      </c>
      <c r="AL184" s="4">
        <v>0</v>
      </c>
      <c r="AM184" s="4">
        <v>0</v>
      </c>
      <c r="AN184" s="4">
        <v>29</v>
      </c>
      <c r="AO184" s="4">
        <v>0</v>
      </c>
      <c r="AP184" s="4">
        <v>0</v>
      </c>
      <c r="AQ184" s="4">
        <v>29</v>
      </c>
      <c r="AR184" s="4">
        <v>29</v>
      </c>
      <c r="AS184" s="4">
        <v>0</v>
      </c>
      <c r="AT184" s="4">
        <v>29</v>
      </c>
      <c r="AU184" s="4">
        <v>29</v>
      </c>
      <c r="AV184" s="4">
        <v>0</v>
      </c>
      <c r="AW184" s="4">
        <v>29</v>
      </c>
      <c r="AX184" s="4">
        <v>29</v>
      </c>
    </row>
    <row r="185" spans="2:50">
      <c r="B185" t="s">
        <v>130</v>
      </c>
      <c r="C185" t="s">
        <v>158</v>
      </c>
      <c r="D185" t="s">
        <v>157</v>
      </c>
      <c r="E185">
        <v>5</v>
      </c>
      <c r="F185">
        <v>29</v>
      </c>
      <c r="G185" s="1">
        <v>4.6400000000000006</v>
      </c>
      <c r="H185" s="4">
        <v>29</v>
      </c>
      <c r="I185" s="4">
        <v>29</v>
      </c>
      <c r="J185" s="4">
        <v>29</v>
      </c>
      <c r="K185" s="4">
        <v>29</v>
      </c>
      <c r="L185" s="4">
        <v>0</v>
      </c>
      <c r="M185" s="4">
        <v>29</v>
      </c>
      <c r="N185" s="4">
        <v>29</v>
      </c>
      <c r="O185" s="4">
        <v>29</v>
      </c>
      <c r="P185" s="4">
        <v>0</v>
      </c>
      <c r="Q185" s="4">
        <v>29</v>
      </c>
      <c r="R185" s="4">
        <v>0</v>
      </c>
      <c r="S185" s="4">
        <v>29</v>
      </c>
      <c r="T185" s="4">
        <v>29</v>
      </c>
      <c r="U185" s="4">
        <v>29</v>
      </c>
      <c r="V185" s="4">
        <v>29</v>
      </c>
      <c r="W185" s="4">
        <v>29</v>
      </c>
      <c r="X185" s="4">
        <v>0</v>
      </c>
      <c r="Y185" s="4">
        <v>29</v>
      </c>
      <c r="Z185" s="4">
        <v>29</v>
      </c>
      <c r="AA185" s="4">
        <v>29</v>
      </c>
      <c r="AB185" s="4">
        <v>29</v>
      </c>
      <c r="AC185" s="4">
        <v>29</v>
      </c>
      <c r="AD185" s="4">
        <v>0</v>
      </c>
      <c r="AE185" s="4">
        <v>0</v>
      </c>
      <c r="AF185" s="4">
        <v>29</v>
      </c>
      <c r="AG185" s="4">
        <v>0</v>
      </c>
      <c r="AH185" s="4">
        <v>0</v>
      </c>
      <c r="AI185" s="4">
        <v>29</v>
      </c>
      <c r="AJ185" s="4">
        <v>29</v>
      </c>
      <c r="AK185" s="4">
        <v>0</v>
      </c>
      <c r="AL185" s="4">
        <v>0</v>
      </c>
      <c r="AM185" s="4">
        <v>0</v>
      </c>
      <c r="AN185" s="4">
        <v>29</v>
      </c>
      <c r="AO185" s="4">
        <v>29</v>
      </c>
      <c r="AP185" s="4">
        <v>29</v>
      </c>
      <c r="AQ185" s="4">
        <v>29</v>
      </c>
      <c r="AR185" s="4">
        <v>0</v>
      </c>
      <c r="AS185" s="4">
        <v>0</v>
      </c>
      <c r="AT185" s="4">
        <v>29</v>
      </c>
      <c r="AU185" s="4">
        <v>29</v>
      </c>
      <c r="AV185" s="4">
        <v>0</v>
      </c>
      <c r="AW185" s="4">
        <v>29</v>
      </c>
      <c r="AX185" s="4">
        <v>29</v>
      </c>
    </row>
    <row r="186" spans="2:50">
      <c r="B186" t="s">
        <v>128</v>
      </c>
      <c r="C186" t="s">
        <v>159</v>
      </c>
      <c r="D186" t="s">
        <v>157</v>
      </c>
      <c r="E186">
        <v>6</v>
      </c>
      <c r="F186">
        <v>29</v>
      </c>
      <c r="G186" s="1">
        <v>3.8666666666666671</v>
      </c>
      <c r="H186" s="4">
        <v>29</v>
      </c>
      <c r="I186" s="4">
        <v>0</v>
      </c>
      <c r="J186" s="4">
        <v>29</v>
      </c>
      <c r="K186" s="4">
        <v>29</v>
      </c>
      <c r="L186" s="4">
        <v>29</v>
      </c>
      <c r="M186" s="4">
        <v>29</v>
      </c>
      <c r="N186" s="4">
        <v>0</v>
      </c>
      <c r="O186" s="4">
        <v>29</v>
      </c>
      <c r="P186" s="4">
        <v>29</v>
      </c>
      <c r="Q186" s="4">
        <v>29</v>
      </c>
      <c r="R186" s="4">
        <v>29</v>
      </c>
      <c r="S186" s="4">
        <v>29</v>
      </c>
      <c r="T186" s="4">
        <v>29</v>
      </c>
      <c r="U186" s="4">
        <v>29</v>
      </c>
      <c r="V186" s="4">
        <v>0</v>
      </c>
      <c r="W186" s="4">
        <v>29</v>
      </c>
      <c r="X186" s="4">
        <v>29</v>
      </c>
      <c r="Y186" s="4">
        <v>0</v>
      </c>
      <c r="Z186" s="4">
        <v>29</v>
      </c>
      <c r="AA186" s="4">
        <v>29</v>
      </c>
      <c r="AB186" s="4">
        <v>29</v>
      </c>
      <c r="AC186" s="4">
        <v>29</v>
      </c>
      <c r="AD186" s="4">
        <v>0</v>
      </c>
      <c r="AE186" s="4">
        <v>0</v>
      </c>
      <c r="AF186" s="4">
        <v>29</v>
      </c>
      <c r="AG186" s="4">
        <v>0</v>
      </c>
      <c r="AH186" s="4">
        <v>29</v>
      </c>
      <c r="AI186" s="4">
        <v>0</v>
      </c>
      <c r="AJ186" s="4">
        <v>29</v>
      </c>
      <c r="AK186" s="4">
        <v>0</v>
      </c>
      <c r="AL186" s="4">
        <v>29</v>
      </c>
      <c r="AM186" s="4">
        <v>0</v>
      </c>
      <c r="AN186" s="4">
        <v>29</v>
      </c>
      <c r="AO186" s="4">
        <v>0</v>
      </c>
      <c r="AP186" s="4">
        <v>0</v>
      </c>
      <c r="AQ186" s="4">
        <v>29</v>
      </c>
      <c r="AR186" s="4">
        <v>0</v>
      </c>
      <c r="AS186" s="4">
        <v>29</v>
      </c>
      <c r="AT186" s="4">
        <v>29</v>
      </c>
      <c r="AU186" s="4">
        <v>29</v>
      </c>
      <c r="AV186" s="4">
        <v>0</v>
      </c>
      <c r="AW186" s="4">
        <v>29</v>
      </c>
      <c r="AX186" s="4">
        <v>29</v>
      </c>
    </row>
    <row r="187" spans="2:50">
      <c r="B187" t="s">
        <v>132</v>
      </c>
      <c r="C187" t="s">
        <v>160</v>
      </c>
      <c r="D187" t="s">
        <v>157</v>
      </c>
      <c r="E187">
        <v>5</v>
      </c>
      <c r="F187">
        <v>29</v>
      </c>
      <c r="G187" s="1">
        <v>4.6400000000000006</v>
      </c>
      <c r="H187" s="4">
        <v>29</v>
      </c>
      <c r="I187" s="4">
        <v>29</v>
      </c>
      <c r="J187" s="4">
        <v>0</v>
      </c>
      <c r="K187" s="4">
        <v>29</v>
      </c>
      <c r="L187" s="4">
        <v>29</v>
      </c>
      <c r="M187" s="4">
        <v>29</v>
      </c>
      <c r="N187" s="4">
        <v>0</v>
      </c>
      <c r="O187" s="4">
        <v>29</v>
      </c>
      <c r="P187" s="4">
        <v>29</v>
      </c>
      <c r="Q187" s="4">
        <v>29</v>
      </c>
      <c r="R187" s="4">
        <v>29</v>
      </c>
      <c r="S187" s="4">
        <v>29</v>
      </c>
      <c r="T187" s="4">
        <v>29</v>
      </c>
      <c r="U187" s="4">
        <v>29</v>
      </c>
      <c r="V187" s="4">
        <v>29</v>
      </c>
      <c r="W187" s="4">
        <v>29</v>
      </c>
      <c r="X187" s="4">
        <v>0</v>
      </c>
      <c r="Y187" s="4">
        <v>29</v>
      </c>
      <c r="Z187" s="4">
        <v>29</v>
      </c>
      <c r="AA187" s="4">
        <v>29</v>
      </c>
      <c r="AB187" s="4">
        <v>29</v>
      </c>
      <c r="AC187" s="4">
        <v>29</v>
      </c>
      <c r="AD187" s="4">
        <v>0</v>
      </c>
      <c r="AE187" s="4">
        <v>0</v>
      </c>
      <c r="AF187" s="4">
        <v>0</v>
      </c>
      <c r="AG187" s="4">
        <v>0</v>
      </c>
      <c r="AH187" s="4">
        <v>29</v>
      </c>
      <c r="AI187" s="4">
        <v>29</v>
      </c>
      <c r="AJ187" s="4">
        <v>29</v>
      </c>
      <c r="AK187" s="4">
        <v>0</v>
      </c>
      <c r="AL187" s="4">
        <v>0</v>
      </c>
      <c r="AM187" s="4">
        <v>0</v>
      </c>
      <c r="AN187" s="4">
        <v>29</v>
      </c>
      <c r="AO187" s="4">
        <v>29</v>
      </c>
      <c r="AP187" s="4">
        <v>29</v>
      </c>
      <c r="AQ187" s="4">
        <v>0</v>
      </c>
      <c r="AR187" s="4">
        <v>0</v>
      </c>
      <c r="AS187" s="4">
        <v>0</v>
      </c>
      <c r="AT187" s="4">
        <v>29</v>
      </c>
      <c r="AU187" s="4">
        <v>29</v>
      </c>
      <c r="AV187" s="4">
        <v>0</v>
      </c>
      <c r="AW187" s="4">
        <v>29</v>
      </c>
      <c r="AX187" s="4">
        <v>0</v>
      </c>
    </row>
    <row r="188" spans="2:50">
      <c r="B188" t="s">
        <v>145</v>
      </c>
      <c r="C188" t="s">
        <v>161</v>
      </c>
      <c r="D188" t="s">
        <v>100</v>
      </c>
      <c r="E188">
        <v>7</v>
      </c>
      <c r="F188">
        <v>30</v>
      </c>
      <c r="G188" s="1">
        <v>3.4285714285714284</v>
      </c>
      <c r="H188" s="4">
        <v>30</v>
      </c>
      <c r="I188" s="4">
        <v>0</v>
      </c>
      <c r="J188" s="4">
        <v>0</v>
      </c>
      <c r="K188" s="4">
        <v>30</v>
      </c>
      <c r="L188" s="4">
        <v>0</v>
      </c>
      <c r="M188" s="4">
        <v>0</v>
      </c>
      <c r="N188" s="4">
        <v>0</v>
      </c>
      <c r="O188" s="4">
        <v>0</v>
      </c>
      <c r="P188" s="4">
        <v>0</v>
      </c>
      <c r="Q188" s="4">
        <v>0</v>
      </c>
      <c r="R188" s="4">
        <v>0</v>
      </c>
      <c r="S188" s="4">
        <v>30</v>
      </c>
      <c r="T188" s="4">
        <v>0</v>
      </c>
      <c r="U188" s="4">
        <v>30</v>
      </c>
      <c r="V188" s="4">
        <v>0</v>
      </c>
      <c r="W188" s="4">
        <v>0</v>
      </c>
      <c r="X188" s="4">
        <v>0</v>
      </c>
      <c r="Y188" s="4">
        <v>0</v>
      </c>
      <c r="Z188" s="4">
        <v>0</v>
      </c>
      <c r="AA188" s="4">
        <v>0</v>
      </c>
      <c r="AB188" s="4">
        <v>0</v>
      </c>
      <c r="AC188" s="4">
        <v>30</v>
      </c>
      <c r="AD188" s="4">
        <v>0</v>
      </c>
      <c r="AE188" s="4">
        <v>0</v>
      </c>
      <c r="AF188" s="4">
        <v>0</v>
      </c>
      <c r="AG188" s="4">
        <v>0</v>
      </c>
      <c r="AH188" s="4">
        <v>0</v>
      </c>
      <c r="AI188" s="4">
        <v>0</v>
      </c>
      <c r="AJ188" s="4">
        <v>0</v>
      </c>
      <c r="AK188" s="4">
        <v>0</v>
      </c>
      <c r="AL188" s="4">
        <v>0</v>
      </c>
      <c r="AM188" s="4">
        <v>0</v>
      </c>
      <c r="AN188" s="4">
        <v>0</v>
      </c>
      <c r="AO188" s="4">
        <v>30</v>
      </c>
      <c r="AP188" s="4">
        <v>0</v>
      </c>
      <c r="AQ188" s="4">
        <v>0</v>
      </c>
      <c r="AR188" s="4">
        <v>0</v>
      </c>
      <c r="AS188" s="4">
        <v>0</v>
      </c>
      <c r="AT188" s="4">
        <v>30</v>
      </c>
      <c r="AU188" s="4">
        <v>30</v>
      </c>
      <c r="AV188" s="4">
        <v>0</v>
      </c>
      <c r="AW188" s="4">
        <v>30</v>
      </c>
      <c r="AX188" s="4">
        <v>0</v>
      </c>
    </row>
    <row r="189" spans="2:50">
      <c r="B189" t="s">
        <v>123</v>
      </c>
      <c r="C189" t="s">
        <v>162</v>
      </c>
      <c r="D189" t="s">
        <v>100</v>
      </c>
      <c r="E189">
        <v>5</v>
      </c>
      <c r="F189">
        <v>30</v>
      </c>
      <c r="G189" s="1">
        <v>4.8</v>
      </c>
      <c r="H189" s="4">
        <v>30</v>
      </c>
      <c r="I189" s="4">
        <v>30</v>
      </c>
      <c r="J189" s="4">
        <v>30</v>
      </c>
      <c r="K189" s="4">
        <v>30</v>
      </c>
      <c r="L189" s="4">
        <v>30</v>
      </c>
      <c r="M189" s="4">
        <v>30</v>
      </c>
      <c r="N189" s="4">
        <v>0</v>
      </c>
      <c r="O189" s="4">
        <v>30</v>
      </c>
      <c r="P189" s="4">
        <v>30</v>
      </c>
      <c r="Q189" s="4">
        <v>30</v>
      </c>
      <c r="R189" s="4">
        <v>30</v>
      </c>
      <c r="S189" s="4">
        <v>30</v>
      </c>
      <c r="T189" s="4">
        <v>30</v>
      </c>
      <c r="U189" s="4">
        <v>30</v>
      </c>
      <c r="V189" s="4">
        <v>30</v>
      </c>
      <c r="W189" s="4">
        <v>30</v>
      </c>
      <c r="X189" s="4">
        <v>30</v>
      </c>
      <c r="Y189" s="4">
        <v>30</v>
      </c>
      <c r="Z189" s="4">
        <v>30</v>
      </c>
      <c r="AA189" s="4">
        <v>30</v>
      </c>
      <c r="AB189" s="4">
        <v>30</v>
      </c>
      <c r="AC189" s="4">
        <v>30</v>
      </c>
      <c r="AD189" s="4">
        <v>0</v>
      </c>
      <c r="AE189" s="4">
        <v>0</v>
      </c>
      <c r="AF189" s="4">
        <v>0</v>
      </c>
      <c r="AG189" s="4">
        <v>30</v>
      </c>
      <c r="AH189" s="4">
        <v>30</v>
      </c>
      <c r="AI189" s="4">
        <v>30</v>
      </c>
      <c r="AJ189" s="4">
        <v>30</v>
      </c>
      <c r="AK189" s="4">
        <v>0</v>
      </c>
      <c r="AL189" s="4">
        <v>0</v>
      </c>
      <c r="AM189" s="4">
        <v>0</v>
      </c>
      <c r="AN189" s="4">
        <v>30</v>
      </c>
      <c r="AO189" s="4">
        <v>30</v>
      </c>
      <c r="AP189" s="4">
        <v>30</v>
      </c>
      <c r="AQ189" s="4">
        <v>30</v>
      </c>
      <c r="AR189" s="4">
        <v>0</v>
      </c>
      <c r="AS189" s="4">
        <v>30</v>
      </c>
      <c r="AT189" s="4">
        <v>30</v>
      </c>
      <c r="AU189" s="4">
        <v>30</v>
      </c>
      <c r="AV189" s="4">
        <v>0</v>
      </c>
      <c r="AW189" s="4">
        <v>30</v>
      </c>
      <c r="AX189" s="4">
        <v>30</v>
      </c>
    </row>
    <row r="190" spans="2:50">
      <c r="B190" t="s">
        <v>152</v>
      </c>
      <c r="C190" t="s">
        <v>163</v>
      </c>
      <c r="D190" t="s">
        <v>100</v>
      </c>
      <c r="E190">
        <v>5</v>
      </c>
      <c r="F190">
        <v>30</v>
      </c>
      <c r="G190" s="1">
        <v>4.8</v>
      </c>
      <c r="H190" s="4">
        <v>30</v>
      </c>
      <c r="I190" s="4">
        <v>30</v>
      </c>
      <c r="J190" s="4">
        <v>30</v>
      </c>
      <c r="K190" s="4">
        <v>30</v>
      </c>
      <c r="L190" s="4">
        <v>30</v>
      </c>
      <c r="M190" s="4">
        <v>30</v>
      </c>
      <c r="N190" s="4">
        <v>30</v>
      </c>
      <c r="O190" s="4">
        <v>0</v>
      </c>
      <c r="P190" s="4">
        <v>30</v>
      </c>
      <c r="Q190" s="4">
        <v>30</v>
      </c>
      <c r="R190" s="4">
        <v>30</v>
      </c>
      <c r="S190" s="4">
        <v>30</v>
      </c>
      <c r="T190" s="4">
        <v>30</v>
      </c>
      <c r="U190" s="4">
        <v>30</v>
      </c>
      <c r="V190" s="4">
        <v>30</v>
      </c>
      <c r="W190" s="4">
        <v>30</v>
      </c>
      <c r="X190" s="4">
        <v>0</v>
      </c>
      <c r="Y190" s="4">
        <v>0</v>
      </c>
      <c r="Z190" s="4">
        <v>30</v>
      </c>
      <c r="AA190" s="4">
        <v>30</v>
      </c>
      <c r="AB190" s="4">
        <v>30</v>
      </c>
      <c r="AC190" s="4">
        <v>30</v>
      </c>
      <c r="AD190" s="4">
        <v>0</v>
      </c>
      <c r="AE190" s="4">
        <v>0</v>
      </c>
      <c r="AF190" s="4">
        <v>0</v>
      </c>
      <c r="AG190" s="4">
        <v>0</v>
      </c>
      <c r="AH190" s="4">
        <v>0</v>
      </c>
      <c r="AI190" s="4">
        <v>30</v>
      </c>
      <c r="AJ190" s="4">
        <v>30</v>
      </c>
      <c r="AK190" s="4">
        <v>0</v>
      </c>
      <c r="AL190" s="4">
        <v>0</v>
      </c>
      <c r="AM190" s="4">
        <v>0</v>
      </c>
      <c r="AN190" s="4">
        <v>30</v>
      </c>
      <c r="AO190" s="4">
        <v>0</v>
      </c>
      <c r="AP190" s="4">
        <v>30</v>
      </c>
      <c r="AQ190" s="4">
        <v>30</v>
      </c>
      <c r="AR190" s="4">
        <v>0</v>
      </c>
      <c r="AS190" s="4">
        <v>0</v>
      </c>
      <c r="AT190" s="4">
        <v>30</v>
      </c>
      <c r="AU190" s="4">
        <v>30</v>
      </c>
      <c r="AV190" s="4">
        <v>0</v>
      </c>
      <c r="AW190" s="4">
        <v>30</v>
      </c>
      <c r="AX190" s="4">
        <v>0</v>
      </c>
    </row>
    <row r="191" spans="2:50">
      <c r="B191" t="s">
        <v>155</v>
      </c>
      <c r="C191" t="s">
        <v>164</v>
      </c>
      <c r="D191" t="s">
        <v>97</v>
      </c>
      <c r="E191">
        <v>8</v>
      </c>
      <c r="F191">
        <v>31</v>
      </c>
      <c r="G191" s="1">
        <v>3.1</v>
      </c>
      <c r="H191" s="4">
        <v>31</v>
      </c>
      <c r="I191" s="4">
        <v>0</v>
      </c>
      <c r="J191" s="4">
        <v>31</v>
      </c>
      <c r="K191" s="4">
        <v>31</v>
      </c>
      <c r="L191" s="4">
        <v>31</v>
      </c>
      <c r="M191" s="4">
        <v>31</v>
      </c>
      <c r="N191" s="4">
        <v>31</v>
      </c>
      <c r="O191" s="4">
        <v>31</v>
      </c>
      <c r="P191" s="4">
        <v>0</v>
      </c>
      <c r="Q191" s="4">
        <v>31</v>
      </c>
      <c r="R191" s="4">
        <v>0</v>
      </c>
      <c r="S191" s="4">
        <v>31</v>
      </c>
      <c r="T191" s="4">
        <v>0</v>
      </c>
      <c r="U191" s="4">
        <v>31</v>
      </c>
      <c r="V191" s="4">
        <v>31</v>
      </c>
      <c r="W191" s="4">
        <v>31</v>
      </c>
      <c r="X191" s="4">
        <v>0</v>
      </c>
      <c r="Y191" s="4">
        <v>0</v>
      </c>
      <c r="Z191" s="4">
        <v>31</v>
      </c>
      <c r="AA191" s="4">
        <v>0</v>
      </c>
      <c r="AB191" s="4">
        <v>31</v>
      </c>
      <c r="AC191" s="4">
        <v>0</v>
      </c>
      <c r="AD191" s="4">
        <v>0</v>
      </c>
      <c r="AE191" s="4">
        <v>0</v>
      </c>
      <c r="AF191" s="4">
        <v>31</v>
      </c>
      <c r="AG191" s="4">
        <v>0</v>
      </c>
      <c r="AH191" s="4">
        <v>0</v>
      </c>
      <c r="AI191" s="4">
        <v>0</v>
      </c>
      <c r="AJ191" s="4">
        <v>0</v>
      </c>
      <c r="AK191" s="4">
        <v>0</v>
      </c>
      <c r="AL191" s="4">
        <v>0</v>
      </c>
      <c r="AM191" s="4">
        <v>0</v>
      </c>
      <c r="AN191" s="4">
        <v>31</v>
      </c>
      <c r="AO191" s="4">
        <v>31</v>
      </c>
      <c r="AP191" s="4">
        <v>0</v>
      </c>
      <c r="AQ191" s="4">
        <v>31</v>
      </c>
      <c r="AR191" s="4">
        <v>0</v>
      </c>
      <c r="AS191" s="4">
        <v>0</v>
      </c>
      <c r="AT191" s="4">
        <v>31</v>
      </c>
      <c r="AU191" s="4">
        <v>31</v>
      </c>
      <c r="AV191" s="4">
        <v>0</v>
      </c>
      <c r="AW191" s="4">
        <v>31</v>
      </c>
      <c r="AX191" s="4">
        <v>31</v>
      </c>
    </row>
    <row r="192" spans="2:50">
      <c r="B192" t="s">
        <v>165</v>
      </c>
      <c r="C192" t="s">
        <v>166</v>
      </c>
      <c r="D192" t="s">
        <v>97</v>
      </c>
      <c r="E192">
        <v>5</v>
      </c>
      <c r="F192">
        <v>31</v>
      </c>
      <c r="G192" s="1">
        <v>4.96</v>
      </c>
      <c r="H192" s="4">
        <v>31</v>
      </c>
      <c r="I192" s="4">
        <v>0</v>
      </c>
      <c r="J192" s="4">
        <v>0</v>
      </c>
      <c r="K192" s="4">
        <v>31</v>
      </c>
      <c r="L192" s="4">
        <v>31</v>
      </c>
      <c r="M192" s="4">
        <v>31</v>
      </c>
      <c r="N192" s="4">
        <v>0</v>
      </c>
      <c r="O192" s="4">
        <v>0</v>
      </c>
      <c r="P192" s="4">
        <v>0</v>
      </c>
      <c r="Q192" s="4">
        <v>31</v>
      </c>
      <c r="R192" s="4">
        <v>0</v>
      </c>
      <c r="S192" s="4">
        <v>31</v>
      </c>
      <c r="T192" s="4">
        <v>0</v>
      </c>
      <c r="U192" s="4">
        <v>31</v>
      </c>
      <c r="V192" s="4">
        <v>0</v>
      </c>
      <c r="W192" s="4">
        <v>0</v>
      </c>
      <c r="X192" s="4">
        <v>0</v>
      </c>
      <c r="Y192" s="4">
        <v>0</v>
      </c>
      <c r="Z192" s="4">
        <v>31</v>
      </c>
      <c r="AA192" s="4">
        <v>31</v>
      </c>
      <c r="AB192" s="4">
        <v>0</v>
      </c>
      <c r="AC192" s="4">
        <v>0</v>
      </c>
      <c r="AD192" s="4">
        <v>0</v>
      </c>
      <c r="AE192" s="4">
        <v>0</v>
      </c>
      <c r="AF192" s="4">
        <v>0</v>
      </c>
      <c r="AG192" s="4">
        <v>0</v>
      </c>
      <c r="AH192" s="4">
        <v>0</v>
      </c>
      <c r="AI192" s="4">
        <v>31</v>
      </c>
      <c r="AJ192" s="4">
        <v>0</v>
      </c>
      <c r="AK192" s="4">
        <v>0</v>
      </c>
      <c r="AL192" s="4">
        <v>0</v>
      </c>
      <c r="AM192" s="4">
        <v>0</v>
      </c>
      <c r="AN192" s="4">
        <v>0</v>
      </c>
      <c r="AO192" s="4">
        <v>0</v>
      </c>
      <c r="AP192" s="4">
        <v>31</v>
      </c>
      <c r="AQ192" s="4">
        <v>31</v>
      </c>
      <c r="AR192" s="4">
        <v>0</v>
      </c>
      <c r="AS192" s="4">
        <v>0</v>
      </c>
      <c r="AT192" s="4">
        <v>31</v>
      </c>
      <c r="AU192" s="4">
        <v>0</v>
      </c>
      <c r="AV192" s="4">
        <v>0</v>
      </c>
      <c r="AW192" s="4">
        <v>31</v>
      </c>
      <c r="AX192" s="4">
        <v>0</v>
      </c>
    </row>
    <row r="193" spans="2:50">
      <c r="B193" t="s">
        <v>165</v>
      </c>
      <c r="C193" t="s">
        <v>167</v>
      </c>
      <c r="D193" t="s">
        <v>97</v>
      </c>
      <c r="E193">
        <v>9</v>
      </c>
      <c r="F193">
        <v>31</v>
      </c>
      <c r="G193" s="1">
        <v>2.7555555555555555</v>
      </c>
      <c r="H193" s="4">
        <v>31</v>
      </c>
      <c r="I193" s="4">
        <v>0</v>
      </c>
      <c r="J193" s="4">
        <v>0</v>
      </c>
      <c r="K193" s="4">
        <v>31</v>
      </c>
      <c r="L193" s="4">
        <v>0</v>
      </c>
      <c r="M193" s="4">
        <v>31</v>
      </c>
      <c r="N193" s="4">
        <v>31</v>
      </c>
      <c r="O193" s="4">
        <v>0</v>
      </c>
      <c r="P193" s="4">
        <v>0</v>
      </c>
      <c r="Q193" s="4">
        <v>31</v>
      </c>
      <c r="R193" s="4">
        <v>0</v>
      </c>
      <c r="S193" s="4">
        <v>31</v>
      </c>
      <c r="T193" s="4">
        <v>0</v>
      </c>
      <c r="U193" s="4">
        <v>31</v>
      </c>
      <c r="V193" s="4">
        <v>0</v>
      </c>
      <c r="W193" s="4">
        <v>0</v>
      </c>
      <c r="X193" s="4">
        <v>0</v>
      </c>
      <c r="Y193" s="4">
        <v>0</v>
      </c>
      <c r="Z193" s="4">
        <v>31</v>
      </c>
      <c r="AA193" s="4">
        <v>31</v>
      </c>
      <c r="AB193" s="4">
        <v>0</v>
      </c>
      <c r="AC193" s="4">
        <v>0</v>
      </c>
      <c r="AD193" s="4">
        <v>0</v>
      </c>
      <c r="AE193" s="4">
        <v>0</v>
      </c>
      <c r="AF193" s="4">
        <v>31</v>
      </c>
      <c r="AG193" s="4">
        <v>0</v>
      </c>
      <c r="AH193" s="4">
        <v>0</v>
      </c>
      <c r="AI193" s="4">
        <v>31</v>
      </c>
      <c r="AJ193" s="4">
        <v>0</v>
      </c>
      <c r="AK193" s="4">
        <v>0</v>
      </c>
      <c r="AL193" s="4">
        <v>0</v>
      </c>
      <c r="AM193" s="4">
        <v>0</v>
      </c>
      <c r="AN193" s="4">
        <v>0</v>
      </c>
      <c r="AO193" s="4">
        <v>0</v>
      </c>
      <c r="AP193" s="4">
        <v>31</v>
      </c>
      <c r="AQ193" s="4">
        <v>0</v>
      </c>
      <c r="AR193" s="4">
        <v>0</v>
      </c>
      <c r="AS193" s="4">
        <v>0</v>
      </c>
      <c r="AT193" s="4">
        <v>31</v>
      </c>
      <c r="AU193" s="4">
        <v>31</v>
      </c>
      <c r="AV193" s="4">
        <v>0</v>
      </c>
      <c r="AW193" s="4">
        <v>31</v>
      </c>
      <c r="AX193" s="4">
        <v>31</v>
      </c>
    </row>
    <row r="194" spans="2:50">
      <c r="B194" t="s">
        <v>128</v>
      </c>
      <c r="C194" t="s">
        <v>168</v>
      </c>
      <c r="D194" t="s">
        <v>97</v>
      </c>
      <c r="E194">
        <v>6</v>
      </c>
      <c r="F194">
        <v>31</v>
      </c>
      <c r="G194" s="1">
        <v>4.1333333333333337</v>
      </c>
      <c r="H194" s="4">
        <v>0</v>
      </c>
      <c r="I194" s="4">
        <v>0</v>
      </c>
      <c r="J194" s="4">
        <v>0</v>
      </c>
      <c r="K194" s="4">
        <v>31</v>
      </c>
      <c r="L194" s="4">
        <v>0</v>
      </c>
      <c r="M194" s="4">
        <v>0</v>
      </c>
      <c r="N194" s="4">
        <v>0</v>
      </c>
      <c r="O194" s="4">
        <v>0</v>
      </c>
      <c r="P194" s="4">
        <v>0</v>
      </c>
      <c r="Q194" s="4">
        <v>0</v>
      </c>
      <c r="R194" s="4">
        <v>0</v>
      </c>
      <c r="S194" s="4">
        <v>0</v>
      </c>
      <c r="T194" s="4">
        <v>0</v>
      </c>
      <c r="U194" s="4">
        <v>0</v>
      </c>
      <c r="V194" s="4">
        <v>0</v>
      </c>
      <c r="W194" s="4">
        <v>0</v>
      </c>
      <c r="X194" s="4">
        <v>0</v>
      </c>
      <c r="Y194" s="4">
        <v>0</v>
      </c>
      <c r="Z194" s="4">
        <v>0</v>
      </c>
      <c r="AA194" s="4">
        <v>0</v>
      </c>
      <c r="AB194" s="4">
        <v>0</v>
      </c>
      <c r="AC194" s="4">
        <v>0</v>
      </c>
      <c r="AD194" s="4">
        <v>0</v>
      </c>
      <c r="AE194" s="4">
        <v>0</v>
      </c>
      <c r="AF194" s="4">
        <v>0</v>
      </c>
      <c r="AG194" s="4">
        <v>0</v>
      </c>
      <c r="AH194" s="4">
        <v>0</v>
      </c>
      <c r="AI194" s="4">
        <v>0</v>
      </c>
      <c r="AJ194" s="4">
        <v>0</v>
      </c>
      <c r="AK194" s="4">
        <v>0</v>
      </c>
      <c r="AL194" s="4">
        <v>0</v>
      </c>
      <c r="AM194" s="4">
        <v>0</v>
      </c>
      <c r="AN194" s="4">
        <v>0</v>
      </c>
      <c r="AO194" s="4">
        <v>0</v>
      </c>
      <c r="AP194" s="4">
        <v>0</v>
      </c>
      <c r="AQ194" s="4">
        <v>0</v>
      </c>
      <c r="AR194" s="4">
        <v>31</v>
      </c>
      <c r="AS194" s="4">
        <v>0</v>
      </c>
      <c r="AT194" s="4">
        <v>31</v>
      </c>
      <c r="AU194" s="4">
        <v>0</v>
      </c>
      <c r="AV194" s="4">
        <v>0</v>
      </c>
      <c r="AW194" s="4">
        <v>31</v>
      </c>
      <c r="AX194" s="4">
        <v>0</v>
      </c>
    </row>
    <row r="195" spans="2:50">
      <c r="B195" t="s">
        <v>155</v>
      </c>
      <c r="C195" t="s">
        <v>169</v>
      </c>
      <c r="D195" t="s">
        <v>98</v>
      </c>
      <c r="E195">
        <v>8</v>
      </c>
      <c r="F195">
        <v>32</v>
      </c>
      <c r="G195" s="1">
        <v>3.2</v>
      </c>
      <c r="H195" s="4">
        <v>0</v>
      </c>
      <c r="I195" s="4">
        <v>0</v>
      </c>
      <c r="J195" s="4">
        <v>0</v>
      </c>
      <c r="K195" s="4">
        <v>32</v>
      </c>
      <c r="L195" s="4">
        <v>0</v>
      </c>
      <c r="M195" s="4">
        <v>0</v>
      </c>
      <c r="N195" s="4">
        <v>0</v>
      </c>
      <c r="O195" s="4">
        <v>0</v>
      </c>
      <c r="P195" s="4">
        <v>0</v>
      </c>
      <c r="Q195" s="4">
        <v>0</v>
      </c>
      <c r="R195" s="4">
        <v>0</v>
      </c>
      <c r="S195" s="4">
        <v>32</v>
      </c>
      <c r="T195" s="4">
        <v>0</v>
      </c>
      <c r="U195" s="4">
        <v>32</v>
      </c>
      <c r="V195" s="4">
        <v>0</v>
      </c>
      <c r="W195" s="4">
        <v>0</v>
      </c>
      <c r="X195" s="4">
        <v>0</v>
      </c>
      <c r="Y195" s="4">
        <v>0</v>
      </c>
      <c r="Z195" s="4">
        <v>0</v>
      </c>
      <c r="AA195" s="4">
        <v>0</v>
      </c>
      <c r="AB195" s="4">
        <v>0</v>
      </c>
      <c r="AC195" s="4">
        <v>0</v>
      </c>
      <c r="AD195" s="4">
        <v>0</v>
      </c>
      <c r="AE195" s="4">
        <v>0</v>
      </c>
      <c r="AF195" s="4">
        <v>0</v>
      </c>
      <c r="AG195" s="4">
        <v>0</v>
      </c>
      <c r="AH195" s="4">
        <v>0</v>
      </c>
      <c r="AI195" s="4">
        <v>0</v>
      </c>
      <c r="AJ195" s="4">
        <v>0</v>
      </c>
      <c r="AK195" s="4">
        <v>0</v>
      </c>
      <c r="AL195" s="4">
        <v>0</v>
      </c>
      <c r="AM195" s="4">
        <v>0</v>
      </c>
      <c r="AN195" s="4">
        <v>0</v>
      </c>
      <c r="AO195" s="4">
        <v>0</v>
      </c>
      <c r="AP195" s="4">
        <v>0</v>
      </c>
      <c r="AQ195" s="4">
        <v>0</v>
      </c>
      <c r="AR195" s="4">
        <v>0</v>
      </c>
      <c r="AS195" s="4">
        <v>0</v>
      </c>
      <c r="AT195" s="4">
        <v>32</v>
      </c>
      <c r="AU195" s="4">
        <v>0</v>
      </c>
      <c r="AV195" s="4">
        <v>32</v>
      </c>
      <c r="AW195" s="4">
        <v>32</v>
      </c>
      <c r="AX195" s="4">
        <v>0</v>
      </c>
    </row>
    <row r="196" spans="2:50">
      <c r="B196" t="s">
        <v>170</v>
      </c>
      <c r="C196" t="s">
        <v>171</v>
      </c>
      <c r="D196" t="s">
        <v>98</v>
      </c>
      <c r="E196">
        <v>10</v>
      </c>
      <c r="F196">
        <v>32</v>
      </c>
      <c r="G196" s="1">
        <v>2.56</v>
      </c>
      <c r="H196" s="4">
        <v>0</v>
      </c>
      <c r="I196" s="4">
        <v>0</v>
      </c>
      <c r="J196" s="4">
        <v>0</v>
      </c>
      <c r="K196" s="4">
        <v>32</v>
      </c>
      <c r="L196" s="4">
        <v>0</v>
      </c>
      <c r="M196" s="4">
        <v>0</v>
      </c>
      <c r="N196" s="4">
        <v>0</v>
      </c>
      <c r="O196" s="4">
        <v>0</v>
      </c>
      <c r="P196" s="4">
        <v>0</v>
      </c>
      <c r="Q196" s="4">
        <v>32</v>
      </c>
      <c r="R196" s="4">
        <v>0</v>
      </c>
      <c r="S196" s="4">
        <v>32</v>
      </c>
      <c r="T196" s="4">
        <v>0</v>
      </c>
      <c r="U196" s="4">
        <v>0</v>
      </c>
      <c r="V196" s="4">
        <v>0</v>
      </c>
      <c r="W196" s="4">
        <v>0</v>
      </c>
      <c r="X196" s="4">
        <v>0</v>
      </c>
      <c r="Y196" s="4">
        <v>0</v>
      </c>
      <c r="Z196" s="4">
        <v>0</v>
      </c>
      <c r="AA196" s="4">
        <v>0</v>
      </c>
      <c r="AB196" s="4">
        <v>0</v>
      </c>
      <c r="AC196" s="4">
        <v>0</v>
      </c>
      <c r="AD196" s="4">
        <v>0</v>
      </c>
      <c r="AE196" s="4">
        <v>0</v>
      </c>
      <c r="AF196" s="4">
        <v>0</v>
      </c>
      <c r="AG196" s="4">
        <v>0</v>
      </c>
      <c r="AH196" s="4">
        <v>0</v>
      </c>
      <c r="AI196" s="4">
        <v>0</v>
      </c>
      <c r="AJ196" s="4">
        <v>0</v>
      </c>
      <c r="AK196" s="4">
        <v>0</v>
      </c>
      <c r="AL196" s="4">
        <v>0</v>
      </c>
      <c r="AM196" s="4">
        <v>0</v>
      </c>
      <c r="AN196" s="4">
        <v>0</v>
      </c>
      <c r="AO196" s="4">
        <v>32</v>
      </c>
      <c r="AP196" s="4">
        <v>0</v>
      </c>
      <c r="AQ196" s="4">
        <v>0</v>
      </c>
      <c r="AR196" s="4">
        <v>0</v>
      </c>
      <c r="AS196" s="4">
        <v>0</v>
      </c>
      <c r="AT196" s="4">
        <v>32</v>
      </c>
      <c r="AU196" s="4">
        <v>32</v>
      </c>
      <c r="AV196" s="4">
        <v>32</v>
      </c>
      <c r="AW196" s="4">
        <v>32</v>
      </c>
      <c r="AX196" s="4">
        <v>32</v>
      </c>
    </row>
    <row r="197" spans="2:50">
      <c r="B197" t="s">
        <v>148</v>
      </c>
      <c r="C197" t="s">
        <v>172</v>
      </c>
      <c r="D197" t="s">
        <v>98</v>
      </c>
      <c r="E197">
        <v>6</v>
      </c>
      <c r="F197">
        <v>32</v>
      </c>
      <c r="G197" s="1">
        <v>4.2666666666666666</v>
      </c>
      <c r="H197" s="4">
        <v>32</v>
      </c>
      <c r="I197" s="4">
        <v>0</v>
      </c>
      <c r="J197" s="4">
        <v>0</v>
      </c>
      <c r="K197" s="4">
        <v>0</v>
      </c>
      <c r="L197" s="4">
        <v>0</v>
      </c>
      <c r="M197" s="4">
        <v>0</v>
      </c>
      <c r="N197" s="4">
        <v>0</v>
      </c>
      <c r="O197" s="4">
        <v>0</v>
      </c>
      <c r="P197" s="4">
        <v>0</v>
      </c>
      <c r="Q197" s="4">
        <v>0</v>
      </c>
      <c r="R197" s="4">
        <v>0</v>
      </c>
      <c r="S197" s="4">
        <v>32</v>
      </c>
      <c r="T197" s="4">
        <v>0</v>
      </c>
      <c r="U197" s="4">
        <v>32</v>
      </c>
      <c r="V197" s="4">
        <v>0</v>
      </c>
      <c r="W197" s="4">
        <v>0</v>
      </c>
      <c r="X197" s="4">
        <v>0</v>
      </c>
      <c r="Y197" s="4">
        <v>0</v>
      </c>
      <c r="Z197" s="4">
        <v>0</v>
      </c>
      <c r="AA197" s="4">
        <v>0</v>
      </c>
      <c r="AB197" s="4">
        <v>0</v>
      </c>
      <c r="AC197" s="4">
        <v>0</v>
      </c>
      <c r="AD197" s="4">
        <v>0</v>
      </c>
      <c r="AE197" s="4">
        <v>0</v>
      </c>
      <c r="AF197" s="4">
        <v>0</v>
      </c>
      <c r="AG197" s="4">
        <v>0</v>
      </c>
      <c r="AH197" s="4">
        <v>0</v>
      </c>
      <c r="AI197" s="4">
        <v>0</v>
      </c>
      <c r="AJ197" s="4">
        <v>0</v>
      </c>
      <c r="AK197" s="4">
        <v>0</v>
      </c>
      <c r="AL197" s="4">
        <v>0</v>
      </c>
      <c r="AM197" s="4">
        <v>0</v>
      </c>
      <c r="AN197" s="4">
        <v>0</v>
      </c>
      <c r="AO197" s="4">
        <v>0</v>
      </c>
      <c r="AP197" s="4">
        <v>32</v>
      </c>
      <c r="AQ197" s="4">
        <v>0</v>
      </c>
      <c r="AR197" s="4">
        <v>0</v>
      </c>
      <c r="AS197" s="4">
        <v>0</v>
      </c>
      <c r="AT197" s="4">
        <v>0</v>
      </c>
      <c r="AU197" s="4">
        <v>32</v>
      </c>
      <c r="AV197" s="4">
        <v>32</v>
      </c>
      <c r="AW197" s="4">
        <v>32</v>
      </c>
      <c r="AX197" s="4">
        <v>0</v>
      </c>
    </row>
    <row r="198" spans="2:50">
      <c r="B198" t="s">
        <v>138</v>
      </c>
      <c r="C198" t="s">
        <v>173</v>
      </c>
      <c r="D198" t="s">
        <v>98</v>
      </c>
      <c r="E198">
        <v>6</v>
      </c>
      <c r="F198">
        <v>32</v>
      </c>
      <c r="G198" s="1">
        <v>4.2666666666666666</v>
      </c>
      <c r="H198" s="4">
        <v>32</v>
      </c>
      <c r="I198" s="4">
        <v>0</v>
      </c>
      <c r="J198" s="4">
        <v>32</v>
      </c>
      <c r="K198" s="4">
        <v>32</v>
      </c>
      <c r="L198" s="4">
        <v>32</v>
      </c>
      <c r="M198" s="4">
        <v>32</v>
      </c>
      <c r="N198" s="4">
        <v>0</v>
      </c>
      <c r="O198" s="4">
        <v>0</v>
      </c>
      <c r="P198" s="4">
        <v>0</v>
      </c>
      <c r="Q198" s="4">
        <v>32</v>
      </c>
      <c r="R198" s="4">
        <v>0</v>
      </c>
      <c r="S198" s="4">
        <v>32</v>
      </c>
      <c r="T198" s="4">
        <v>0</v>
      </c>
      <c r="U198" s="4">
        <v>32</v>
      </c>
      <c r="V198" s="4">
        <v>32</v>
      </c>
      <c r="W198" s="4">
        <v>32</v>
      </c>
      <c r="X198" s="4">
        <v>0</v>
      </c>
      <c r="Y198" s="4">
        <v>0</v>
      </c>
      <c r="Z198" s="4">
        <v>0</v>
      </c>
      <c r="AA198" s="4">
        <v>0</v>
      </c>
      <c r="AB198" s="4">
        <v>32</v>
      </c>
      <c r="AC198" s="4">
        <v>32</v>
      </c>
      <c r="AD198" s="4">
        <v>0</v>
      </c>
      <c r="AE198" s="4">
        <v>0</v>
      </c>
      <c r="AF198" s="4">
        <v>0</v>
      </c>
      <c r="AG198" s="4">
        <v>0</v>
      </c>
      <c r="AH198" s="4">
        <v>0</v>
      </c>
      <c r="AI198" s="4">
        <v>32</v>
      </c>
      <c r="AJ198" s="4">
        <v>0</v>
      </c>
      <c r="AK198" s="4">
        <v>0</v>
      </c>
      <c r="AL198" s="4">
        <v>0</v>
      </c>
      <c r="AM198" s="4">
        <v>0</v>
      </c>
      <c r="AN198" s="4">
        <v>0</v>
      </c>
      <c r="AO198" s="4">
        <v>0</v>
      </c>
      <c r="AP198" s="4">
        <v>32</v>
      </c>
      <c r="AQ198" s="4">
        <v>0</v>
      </c>
      <c r="AR198" s="4">
        <v>0</v>
      </c>
      <c r="AS198" s="4">
        <v>0</v>
      </c>
      <c r="AT198" s="4">
        <v>32</v>
      </c>
      <c r="AU198" s="4">
        <v>32</v>
      </c>
      <c r="AV198" s="4">
        <v>0</v>
      </c>
      <c r="AW198" s="4">
        <v>32</v>
      </c>
      <c r="AX198" s="4">
        <v>32</v>
      </c>
    </row>
    <row r="199" spans="2:50">
      <c r="B199" t="s">
        <v>174</v>
      </c>
      <c r="C199" t="s">
        <v>175</v>
      </c>
      <c r="D199" t="s">
        <v>98</v>
      </c>
      <c r="E199">
        <v>6</v>
      </c>
      <c r="F199">
        <v>32</v>
      </c>
      <c r="G199" s="1">
        <v>4.2666666666666666</v>
      </c>
      <c r="H199" s="4">
        <v>32</v>
      </c>
      <c r="I199" s="4">
        <v>0</v>
      </c>
      <c r="J199" s="4">
        <v>32</v>
      </c>
      <c r="K199" s="4">
        <v>32</v>
      </c>
      <c r="L199" s="4">
        <v>32</v>
      </c>
      <c r="M199" s="4">
        <v>32</v>
      </c>
      <c r="N199" s="4">
        <v>0</v>
      </c>
      <c r="O199" s="4">
        <v>0</v>
      </c>
      <c r="P199" s="4">
        <v>0</v>
      </c>
      <c r="Q199" s="4">
        <v>32</v>
      </c>
      <c r="R199" s="4">
        <v>0</v>
      </c>
      <c r="S199" s="4">
        <v>32</v>
      </c>
      <c r="T199" s="4">
        <v>0</v>
      </c>
      <c r="U199" s="4">
        <v>32</v>
      </c>
      <c r="V199" s="4">
        <v>32</v>
      </c>
      <c r="W199" s="4">
        <v>32</v>
      </c>
      <c r="X199" s="4">
        <v>0</v>
      </c>
      <c r="Y199" s="4">
        <v>0</v>
      </c>
      <c r="Z199" s="4">
        <v>32</v>
      </c>
      <c r="AA199" s="4">
        <v>32</v>
      </c>
      <c r="AB199" s="4">
        <v>32</v>
      </c>
      <c r="AC199" s="4">
        <v>32</v>
      </c>
      <c r="AD199" s="4">
        <v>0</v>
      </c>
      <c r="AE199" s="4">
        <v>0</v>
      </c>
      <c r="AF199" s="4">
        <v>32</v>
      </c>
      <c r="AG199" s="4">
        <v>32</v>
      </c>
      <c r="AH199" s="4">
        <v>0</v>
      </c>
      <c r="AI199" s="4">
        <v>32</v>
      </c>
      <c r="AJ199" s="4">
        <v>0</v>
      </c>
      <c r="AK199" s="4">
        <v>0</v>
      </c>
      <c r="AL199" s="4">
        <v>0</v>
      </c>
      <c r="AM199" s="4">
        <v>0</v>
      </c>
      <c r="AN199" s="4">
        <v>0</v>
      </c>
      <c r="AO199" s="4">
        <v>32</v>
      </c>
      <c r="AP199" s="4">
        <v>0</v>
      </c>
      <c r="AQ199" s="4">
        <v>0</v>
      </c>
      <c r="AR199" s="4">
        <v>32</v>
      </c>
      <c r="AS199" s="4">
        <v>0</v>
      </c>
      <c r="AT199" s="4">
        <v>32</v>
      </c>
      <c r="AU199" s="4">
        <v>32</v>
      </c>
      <c r="AV199" s="4">
        <v>0</v>
      </c>
      <c r="AW199" s="4">
        <v>32</v>
      </c>
      <c r="AX199" s="4">
        <v>0</v>
      </c>
    </row>
    <row r="200" spans="2:50">
      <c r="B200" t="s">
        <v>128</v>
      </c>
      <c r="C200" t="s">
        <v>176</v>
      </c>
      <c r="D200" t="s">
        <v>98</v>
      </c>
      <c r="E200">
        <v>6</v>
      </c>
      <c r="F200">
        <v>32</v>
      </c>
      <c r="G200" s="1">
        <v>4.2666666666666666</v>
      </c>
      <c r="H200" s="4">
        <v>32</v>
      </c>
      <c r="I200" s="4">
        <v>0</v>
      </c>
      <c r="J200" s="4">
        <v>0</v>
      </c>
      <c r="K200" s="4">
        <v>32</v>
      </c>
      <c r="L200" s="4">
        <v>32</v>
      </c>
      <c r="M200" s="4">
        <v>32</v>
      </c>
      <c r="N200" s="4">
        <v>0</v>
      </c>
      <c r="O200" s="4">
        <v>32</v>
      </c>
      <c r="P200" s="4">
        <v>0</v>
      </c>
      <c r="Q200" s="4">
        <v>32</v>
      </c>
      <c r="R200" s="4">
        <v>0</v>
      </c>
      <c r="S200" s="4">
        <v>32</v>
      </c>
      <c r="T200" s="4">
        <v>0</v>
      </c>
      <c r="U200" s="4">
        <v>32</v>
      </c>
      <c r="V200" s="4">
        <v>0</v>
      </c>
      <c r="W200" s="4">
        <v>0</v>
      </c>
      <c r="X200" s="4">
        <v>0</v>
      </c>
      <c r="Y200" s="4">
        <v>0</v>
      </c>
      <c r="Z200" s="4">
        <v>32</v>
      </c>
      <c r="AA200" s="4">
        <v>32</v>
      </c>
      <c r="AB200" s="4">
        <v>0</v>
      </c>
      <c r="AC200" s="4">
        <v>0</v>
      </c>
      <c r="AD200" s="4">
        <v>0</v>
      </c>
      <c r="AE200" s="4">
        <v>0</v>
      </c>
      <c r="AF200" s="4">
        <v>0</v>
      </c>
      <c r="AG200" s="4">
        <v>0</v>
      </c>
      <c r="AH200" s="4">
        <v>0</v>
      </c>
      <c r="AI200" s="4">
        <v>0</v>
      </c>
      <c r="AJ200" s="4">
        <v>0</v>
      </c>
      <c r="AK200" s="4">
        <v>0</v>
      </c>
      <c r="AL200" s="4">
        <v>0</v>
      </c>
      <c r="AM200" s="4">
        <v>0</v>
      </c>
      <c r="AN200" s="4">
        <v>0</v>
      </c>
      <c r="AO200" s="4">
        <v>0</v>
      </c>
      <c r="AP200" s="4">
        <v>0</v>
      </c>
      <c r="AQ200" s="4">
        <v>0</v>
      </c>
      <c r="AR200" s="4">
        <v>32</v>
      </c>
      <c r="AS200" s="4">
        <v>0</v>
      </c>
      <c r="AT200" s="4">
        <v>0</v>
      </c>
      <c r="AU200" s="4">
        <v>32</v>
      </c>
      <c r="AV200" s="4">
        <v>0</v>
      </c>
      <c r="AW200" s="4">
        <v>32</v>
      </c>
      <c r="AX200" s="4">
        <v>32</v>
      </c>
    </row>
    <row r="201" spans="2:50">
      <c r="B201" t="s">
        <v>145</v>
      </c>
      <c r="C201" t="s">
        <v>177</v>
      </c>
      <c r="D201" t="s">
        <v>99</v>
      </c>
      <c r="E201">
        <v>7</v>
      </c>
      <c r="F201">
        <v>33</v>
      </c>
      <c r="G201" s="1">
        <v>3.7714285714285718</v>
      </c>
      <c r="H201" s="4">
        <v>33</v>
      </c>
      <c r="I201" s="4">
        <v>0</v>
      </c>
      <c r="J201" s="4">
        <v>0</v>
      </c>
      <c r="K201" s="4">
        <v>33</v>
      </c>
      <c r="L201" s="4">
        <v>33</v>
      </c>
      <c r="M201" s="4">
        <v>0</v>
      </c>
      <c r="N201" s="4">
        <v>0</v>
      </c>
      <c r="O201" s="4">
        <v>0</v>
      </c>
      <c r="P201" s="4">
        <v>0</v>
      </c>
      <c r="Q201" s="4">
        <v>33</v>
      </c>
      <c r="R201" s="4">
        <v>0</v>
      </c>
      <c r="S201" s="4">
        <v>33</v>
      </c>
      <c r="T201" s="4">
        <v>0</v>
      </c>
      <c r="U201" s="4">
        <v>33</v>
      </c>
      <c r="V201" s="4">
        <v>0</v>
      </c>
      <c r="W201" s="4">
        <v>0</v>
      </c>
      <c r="X201" s="4">
        <v>0</v>
      </c>
      <c r="Y201" s="4">
        <v>0</v>
      </c>
      <c r="Z201" s="4">
        <v>0</v>
      </c>
      <c r="AA201" s="4">
        <v>0</v>
      </c>
      <c r="AB201" s="4">
        <v>0</v>
      </c>
      <c r="AC201" s="4">
        <v>33</v>
      </c>
      <c r="AD201" s="4">
        <v>0</v>
      </c>
      <c r="AE201" s="4">
        <v>0</v>
      </c>
      <c r="AF201" s="4">
        <v>0</v>
      </c>
      <c r="AG201" s="4">
        <v>33</v>
      </c>
      <c r="AH201" s="4">
        <v>0</v>
      </c>
      <c r="AI201" s="4">
        <v>33</v>
      </c>
      <c r="AJ201" s="4">
        <v>0</v>
      </c>
      <c r="AK201" s="4">
        <v>0</v>
      </c>
      <c r="AL201" s="4">
        <v>0</v>
      </c>
      <c r="AM201" s="4">
        <v>0</v>
      </c>
      <c r="AN201" s="4">
        <v>0</v>
      </c>
      <c r="AO201" s="4">
        <v>33</v>
      </c>
      <c r="AP201" s="4">
        <v>33</v>
      </c>
      <c r="AQ201" s="4">
        <v>0</v>
      </c>
      <c r="AR201" s="4">
        <v>0</v>
      </c>
      <c r="AS201" s="4">
        <v>0</v>
      </c>
      <c r="AT201" s="4">
        <v>33</v>
      </c>
      <c r="AU201" s="4">
        <v>33</v>
      </c>
      <c r="AV201" s="4">
        <v>0</v>
      </c>
      <c r="AW201" s="4">
        <v>33</v>
      </c>
      <c r="AX201" s="4">
        <v>0</v>
      </c>
    </row>
    <row r="202" spans="2:50">
      <c r="B202" t="s">
        <v>145</v>
      </c>
      <c r="C202" t="s">
        <v>178</v>
      </c>
      <c r="D202" t="s">
        <v>99</v>
      </c>
      <c r="E202">
        <v>7</v>
      </c>
      <c r="F202">
        <v>33</v>
      </c>
      <c r="G202" s="1">
        <v>3.7714285714285718</v>
      </c>
      <c r="H202" s="4">
        <v>33</v>
      </c>
      <c r="I202" s="4">
        <v>0</v>
      </c>
      <c r="J202" s="4">
        <v>33</v>
      </c>
      <c r="K202" s="4">
        <v>33</v>
      </c>
      <c r="L202" s="4">
        <v>33</v>
      </c>
      <c r="M202" s="4">
        <v>33</v>
      </c>
      <c r="N202" s="4">
        <v>0</v>
      </c>
      <c r="O202" s="4">
        <v>33</v>
      </c>
      <c r="P202" s="4">
        <v>0</v>
      </c>
      <c r="Q202" s="4">
        <v>33</v>
      </c>
      <c r="R202" s="4">
        <v>0</v>
      </c>
      <c r="S202" s="4">
        <v>33</v>
      </c>
      <c r="T202" s="4">
        <v>0</v>
      </c>
      <c r="U202" s="4">
        <v>33</v>
      </c>
      <c r="V202" s="4">
        <v>0</v>
      </c>
      <c r="W202" s="4">
        <v>33</v>
      </c>
      <c r="X202" s="4">
        <v>0</v>
      </c>
      <c r="Y202" s="4">
        <v>0</v>
      </c>
      <c r="Z202" s="4">
        <v>33</v>
      </c>
      <c r="AA202" s="4">
        <v>33</v>
      </c>
      <c r="AB202" s="4">
        <v>33</v>
      </c>
      <c r="AC202" s="4">
        <v>33</v>
      </c>
      <c r="AD202" s="4">
        <v>0</v>
      </c>
      <c r="AE202" s="4">
        <v>0</v>
      </c>
      <c r="AF202" s="4">
        <v>33</v>
      </c>
      <c r="AG202" s="4">
        <v>33</v>
      </c>
      <c r="AH202" s="4">
        <v>0</v>
      </c>
      <c r="AI202" s="4">
        <v>33</v>
      </c>
      <c r="AJ202" s="4">
        <v>33</v>
      </c>
      <c r="AK202" s="4">
        <v>0</v>
      </c>
      <c r="AL202" s="4">
        <v>0</v>
      </c>
      <c r="AM202" s="4">
        <v>0</v>
      </c>
      <c r="AN202" s="4">
        <v>33</v>
      </c>
      <c r="AO202" s="4">
        <v>33</v>
      </c>
      <c r="AP202" s="4">
        <v>33</v>
      </c>
      <c r="AQ202" s="4">
        <v>33</v>
      </c>
      <c r="AR202" s="4">
        <v>0</v>
      </c>
      <c r="AS202" s="4">
        <v>33</v>
      </c>
      <c r="AT202" s="4">
        <v>33</v>
      </c>
      <c r="AU202" s="4">
        <v>33</v>
      </c>
      <c r="AV202" s="4">
        <v>33</v>
      </c>
      <c r="AW202" s="4">
        <v>33</v>
      </c>
      <c r="AX202" s="4">
        <v>33</v>
      </c>
    </row>
    <row r="203" spans="2:50">
      <c r="B203" t="s">
        <v>155</v>
      </c>
      <c r="C203" t="s">
        <v>179</v>
      </c>
      <c r="D203" t="s">
        <v>99</v>
      </c>
      <c r="E203">
        <v>8</v>
      </c>
      <c r="F203">
        <v>33</v>
      </c>
      <c r="G203" s="1">
        <v>3.3000000000000003</v>
      </c>
      <c r="H203" s="4">
        <v>33</v>
      </c>
      <c r="I203" s="4">
        <v>0</v>
      </c>
      <c r="J203" s="4">
        <v>0</v>
      </c>
      <c r="K203" s="4">
        <v>33</v>
      </c>
      <c r="L203" s="4">
        <v>0</v>
      </c>
      <c r="M203" s="4">
        <v>33</v>
      </c>
      <c r="N203" s="4">
        <v>0</v>
      </c>
      <c r="O203" s="4">
        <v>0</v>
      </c>
      <c r="P203" s="4">
        <v>0</v>
      </c>
      <c r="Q203" s="4">
        <v>0</v>
      </c>
      <c r="R203" s="4">
        <v>0</v>
      </c>
      <c r="S203" s="4">
        <v>33</v>
      </c>
      <c r="T203" s="4">
        <v>0</v>
      </c>
      <c r="U203" s="4">
        <v>33</v>
      </c>
      <c r="V203" s="4">
        <v>0</v>
      </c>
      <c r="W203" s="4">
        <v>0</v>
      </c>
      <c r="X203" s="4">
        <v>0</v>
      </c>
      <c r="Y203" s="4">
        <v>0</v>
      </c>
      <c r="Z203" s="4">
        <v>0</v>
      </c>
      <c r="AA203" s="4">
        <v>0</v>
      </c>
      <c r="AB203" s="4">
        <v>0</v>
      </c>
      <c r="AC203" s="4">
        <v>0</v>
      </c>
      <c r="AD203" s="4">
        <v>0</v>
      </c>
      <c r="AE203" s="4">
        <v>0</v>
      </c>
      <c r="AF203" s="4">
        <v>33</v>
      </c>
      <c r="AG203" s="4">
        <v>0</v>
      </c>
      <c r="AH203" s="4">
        <v>0</v>
      </c>
      <c r="AI203" s="4">
        <v>0</v>
      </c>
      <c r="AJ203" s="4">
        <v>0</v>
      </c>
      <c r="AK203" s="4">
        <v>0</v>
      </c>
      <c r="AL203" s="4">
        <v>0</v>
      </c>
      <c r="AM203" s="4">
        <v>0</v>
      </c>
      <c r="AN203" s="4">
        <v>0</v>
      </c>
      <c r="AO203" s="4">
        <v>0</v>
      </c>
      <c r="AP203" s="4">
        <v>0</v>
      </c>
      <c r="AQ203" s="4">
        <v>0</v>
      </c>
      <c r="AR203" s="4">
        <v>0</v>
      </c>
      <c r="AS203" s="4">
        <v>0</v>
      </c>
      <c r="AT203" s="4">
        <v>33</v>
      </c>
      <c r="AU203" s="4">
        <v>33</v>
      </c>
      <c r="AV203" s="4">
        <v>0</v>
      </c>
      <c r="AW203" s="4">
        <v>33</v>
      </c>
      <c r="AX203" s="4">
        <v>33</v>
      </c>
    </row>
    <row r="204" spans="2:50">
      <c r="B204" t="s">
        <v>165</v>
      </c>
      <c r="C204" t="s">
        <v>180</v>
      </c>
      <c r="D204" t="s">
        <v>99</v>
      </c>
      <c r="E204">
        <v>5</v>
      </c>
      <c r="F204">
        <v>33</v>
      </c>
      <c r="G204" s="1">
        <v>5.28</v>
      </c>
      <c r="H204" s="4">
        <v>33</v>
      </c>
      <c r="I204" s="4">
        <v>0</v>
      </c>
      <c r="J204" s="4">
        <v>0</v>
      </c>
      <c r="K204" s="4">
        <v>0</v>
      </c>
      <c r="L204" s="4">
        <v>0</v>
      </c>
      <c r="M204" s="4">
        <v>0</v>
      </c>
      <c r="N204" s="4">
        <v>0</v>
      </c>
      <c r="O204" s="4">
        <v>0</v>
      </c>
      <c r="P204" s="4">
        <v>0</v>
      </c>
      <c r="Q204" s="4">
        <v>0</v>
      </c>
      <c r="R204" s="4">
        <v>0</v>
      </c>
      <c r="S204" s="4">
        <v>33</v>
      </c>
      <c r="T204" s="4">
        <v>0</v>
      </c>
      <c r="U204" s="4">
        <v>0</v>
      </c>
      <c r="V204" s="4">
        <v>0</v>
      </c>
      <c r="W204" s="4">
        <v>0</v>
      </c>
      <c r="X204" s="4">
        <v>0</v>
      </c>
      <c r="Y204" s="4">
        <v>0</v>
      </c>
      <c r="Z204" s="4">
        <v>0</v>
      </c>
      <c r="AA204" s="4">
        <v>0</v>
      </c>
      <c r="AB204" s="4">
        <v>0</v>
      </c>
      <c r="AC204" s="4">
        <v>0</v>
      </c>
      <c r="AD204" s="4">
        <v>0</v>
      </c>
      <c r="AE204" s="4">
        <v>0</v>
      </c>
      <c r="AF204" s="4">
        <v>0</v>
      </c>
      <c r="AG204" s="4">
        <v>0</v>
      </c>
      <c r="AH204" s="4">
        <v>0</v>
      </c>
      <c r="AI204" s="4">
        <v>0</v>
      </c>
      <c r="AJ204" s="4">
        <v>0</v>
      </c>
      <c r="AK204" s="4">
        <v>0</v>
      </c>
      <c r="AL204" s="4">
        <v>0</v>
      </c>
      <c r="AM204" s="4">
        <v>0</v>
      </c>
      <c r="AN204" s="4">
        <v>0</v>
      </c>
      <c r="AO204" s="4">
        <v>0</v>
      </c>
      <c r="AP204" s="4">
        <v>0</v>
      </c>
      <c r="AQ204" s="4">
        <v>0</v>
      </c>
      <c r="AR204" s="4">
        <v>0</v>
      </c>
      <c r="AS204" s="4">
        <v>0</v>
      </c>
      <c r="AT204" s="4">
        <v>33</v>
      </c>
      <c r="AU204" s="4">
        <v>0</v>
      </c>
      <c r="AV204" s="4">
        <v>0</v>
      </c>
      <c r="AW204" s="4">
        <v>33</v>
      </c>
      <c r="AX204" s="4">
        <v>0</v>
      </c>
    </row>
    <row r="205" spans="2:50">
      <c r="B205" t="s">
        <v>123</v>
      </c>
      <c r="C205" t="s">
        <v>181</v>
      </c>
      <c r="D205" t="s">
        <v>99</v>
      </c>
      <c r="E205">
        <v>5</v>
      </c>
      <c r="F205">
        <v>33</v>
      </c>
      <c r="G205" s="1">
        <v>5.28</v>
      </c>
      <c r="H205" s="4">
        <v>33</v>
      </c>
      <c r="I205" s="4">
        <v>0</v>
      </c>
      <c r="J205" s="4">
        <v>0</v>
      </c>
      <c r="K205" s="4">
        <v>33</v>
      </c>
      <c r="L205" s="4">
        <v>0</v>
      </c>
      <c r="M205" s="4">
        <v>0</v>
      </c>
      <c r="N205" s="4">
        <v>0</v>
      </c>
      <c r="O205" s="4">
        <v>0</v>
      </c>
      <c r="P205" s="4">
        <v>0</v>
      </c>
      <c r="Q205" s="4">
        <v>33</v>
      </c>
      <c r="R205" s="4">
        <v>0</v>
      </c>
      <c r="S205" s="4">
        <v>33</v>
      </c>
      <c r="T205" s="4">
        <v>0</v>
      </c>
      <c r="U205" s="4">
        <v>33</v>
      </c>
      <c r="V205" s="4">
        <v>0</v>
      </c>
      <c r="W205" s="4">
        <v>0</v>
      </c>
      <c r="X205" s="4">
        <v>0</v>
      </c>
      <c r="Y205" s="4">
        <v>0</v>
      </c>
      <c r="Z205" s="4">
        <v>0</v>
      </c>
      <c r="AA205" s="4">
        <v>0</v>
      </c>
      <c r="AB205" s="4">
        <v>33</v>
      </c>
      <c r="AC205" s="4">
        <v>0</v>
      </c>
      <c r="AD205" s="4">
        <v>0</v>
      </c>
      <c r="AE205" s="4">
        <v>0</v>
      </c>
      <c r="AF205" s="4">
        <v>0</v>
      </c>
      <c r="AG205" s="4">
        <v>0</v>
      </c>
      <c r="AH205" s="4">
        <v>0</v>
      </c>
      <c r="AI205" s="4">
        <v>0</v>
      </c>
      <c r="AJ205" s="4">
        <v>0</v>
      </c>
      <c r="AK205" s="4">
        <v>0</v>
      </c>
      <c r="AL205" s="4">
        <v>0</v>
      </c>
      <c r="AM205" s="4">
        <v>0</v>
      </c>
      <c r="AN205" s="4">
        <v>0</v>
      </c>
      <c r="AO205" s="4">
        <v>0</v>
      </c>
      <c r="AP205" s="4">
        <v>0</v>
      </c>
      <c r="AQ205" s="4">
        <v>0</v>
      </c>
      <c r="AR205" s="4">
        <v>0</v>
      </c>
      <c r="AS205" s="4">
        <v>0</v>
      </c>
      <c r="AT205" s="4">
        <v>33</v>
      </c>
      <c r="AU205" s="4">
        <v>0</v>
      </c>
      <c r="AV205" s="4">
        <v>0</v>
      </c>
      <c r="AW205" s="4">
        <v>33</v>
      </c>
      <c r="AX205" s="4">
        <v>0</v>
      </c>
    </row>
    <row r="206" spans="2:50">
      <c r="B206" t="s">
        <v>145</v>
      </c>
      <c r="C206" t="s">
        <v>182</v>
      </c>
      <c r="D206" t="s">
        <v>94</v>
      </c>
      <c r="E206">
        <v>6</v>
      </c>
      <c r="F206">
        <v>34</v>
      </c>
      <c r="G206" s="1">
        <v>4.5333333333333341</v>
      </c>
      <c r="H206" s="4">
        <v>34</v>
      </c>
      <c r="I206" s="4">
        <v>0</v>
      </c>
      <c r="J206" s="4">
        <v>0</v>
      </c>
      <c r="K206" s="4">
        <v>34</v>
      </c>
      <c r="L206" s="4">
        <v>34</v>
      </c>
      <c r="M206" s="4">
        <v>34</v>
      </c>
      <c r="N206" s="4">
        <v>0</v>
      </c>
      <c r="O206" s="4">
        <v>0</v>
      </c>
      <c r="P206" s="4">
        <v>0</v>
      </c>
      <c r="Q206" s="4">
        <v>0</v>
      </c>
      <c r="R206" s="4">
        <v>0</v>
      </c>
      <c r="S206" s="4">
        <v>34</v>
      </c>
      <c r="T206" s="4">
        <v>0</v>
      </c>
      <c r="U206" s="4">
        <v>34</v>
      </c>
      <c r="V206" s="4">
        <v>0</v>
      </c>
      <c r="W206" s="4">
        <v>0</v>
      </c>
      <c r="X206" s="4">
        <v>0</v>
      </c>
      <c r="Y206" s="4">
        <v>0</v>
      </c>
      <c r="Z206" s="4">
        <v>0</v>
      </c>
      <c r="AA206" s="4">
        <v>34</v>
      </c>
      <c r="AB206" s="4">
        <v>0</v>
      </c>
      <c r="AC206" s="4">
        <v>0</v>
      </c>
      <c r="AD206" s="4">
        <v>0</v>
      </c>
      <c r="AE206" s="4">
        <v>0</v>
      </c>
      <c r="AF206" s="4">
        <v>0</v>
      </c>
      <c r="AG206" s="4">
        <v>34</v>
      </c>
      <c r="AH206" s="4">
        <v>0</v>
      </c>
      <c r="AI206" s="4">
        <v>34</v>
      </c>
      <c r="AJ206" s="4">
        <v>0</v>
      </c>
      <c r="AK206" s="4">
        <v>0</v>
      </c>
      <c r="AL206" s="4">
        <v>0</v>
      </c>
      <c r="AM206" s="4">
        <v>0</v>
      </c>
      <c r="AN206" s="4">
        <v>0</v>
      </c>
      <c r="AO206" s="4">
        <v>34</v>
      </c>
      <c r="AP206" s="4">
        <v>34</v>
      </c>
      <c r="AQ206" s="4">
        <v>0</v>
      </c>
      <c r="AR206" s="4">
        <v>0</v>
      </c>
      <c r="AS206" s="4">
        <v>0</v>
      </c>
      <c r="AT206" s="4">
        <v>34</v>
      </c>
      <c r="AU206" s="4">
        <v>34</v>
      </c>
      <c r="AV206" s="4">
        <v>34</v>
      </c>
      <c r="AW206" s="4">
        <v>34</v>
      </c>
      <c r="AX206" s="4">
        <v>34</v>
      </c>
    </row>
    <row r="207" spans="2:50">
      <c r="B207" t="s">
        <v>128</v>
      </c>
      <c r="C207" t="s">
        <v>183</v>
      </c>
      <c r="D207" t="s">
        <v>94</v>
      </c>
      <c r="E207">
        <v>6</v>
      </c>
      <c r="F207">
        <v>34</v>
      </c>
      <c r="G207" s="1">
        <v>4.5333333333333341</v>
      </c>
      <c r="H207" s="4">
        <v>0</v>
      </c>
      <c r="I207" s="4">
        <v>0</v>
      </c>
      <c r="J207" s="4">
        <v>0</v>
      </c>
      <c r="K207" s="4">
        <v>0</v>
      </c>
      <c r="L207" s="4">
        <v>0</v>
      </c>
      <c r="M207" s="4">
        <v>0</v>
      </c>
      <c r="N207" s="4">
        <v>0</v>
      </c>
      <c r="O207" s="4">
        <v>0</v>
      </c>
      <c r="P207" s="4">
        <v>0</v>
      </c>
      <c r="Q207" s="4">
        <v>0</v>
      </c>
      <c r="R207" s="4">
        <v>0</v>
      </c>
      <c r="S207" s="4">
        <v>34</v>
      </c>
      <c r="T207" s="4">
        <v>0</v>
      </c>
      <c r="U207" s="4">
        <v>34</v>
      </c>
      <c r="V207" s="4">
        <v>0</v>
      </c>
      <c r="W207" s="4">
        <v>0</v>
      </c>
      <c r="X207" s="4">
        <v>0</v>
      </c>
      <c r="Y207" s="4">
        <v>0</v>
      </c>
      <c r="Z207" s="4">
        <v>0</v>
      </c>
      <c r="AA207" s="4">
        <v>0</v>
      </c>
      <c r="AB207" s="4">
        <v>0</v>
      </c>
      <c r="AC207" s="4">
        <v>0</v>
      </c>
      <c r="AD207" s="4">
        <v>0</v>
      </c>
      <c r="AE207" s="4">
        <v>0</v>
      </c>
      <c r="AF207" s="4">
        <v>0</v>
      </c>
      <c r="AG207" s="4">
        <v>0</v>
      </c>
      <c r="AH207" s="4">
        <v>0</v>
      </c>
      <c r="AI207" s="4">
        <v>0</v>
      </c>
      <c r="AJ207" s="4">
        <v>0</v>
      </c>
      <c r="AK207" s="4">
        <v>0</v>
      </c>
      <c r="AL207" s="4">
        <v>0</v>
      </c>
      <c r="AM207" s="4">
        <v>0</v>
      </c>
      <c r="AN207" s="4">
        <v>0</v>
      </c>
      <c r="AO207" s="4">
        <v>0</v>
      </c>
      <c r="AP207" s="4">
        <v>0</v>
      </c>
      <c r="AQ207" s="4">
        <v>0</v>
      </c>
      <c r="AR207" s="4">
        <v>34</v>
      </c>
      <c r="AS207" s="4">
        <v>0</v>
      </c>
      <c r="AT207" s="4">
        <v>0</v>
      </c>
      <c r="AU207" s="4">
        <v>34</v>
      </c>
      <c r="AV207" s="4">
        <v>0</v>
      </c>
      <c r="AW207" s="4">
        <v>34</v>
      </c>
      <c r="AX207" s="4">
        <v>0</v>
      </c>
    </row>
    <row r="208" spans="2:50">
      <c r="B208" t="s">
        <v>135</v>
      </c>
      <c r="C208" t="s">
        <v>184</v>
      </c>
      <c r="D208" t="s">
        <v>185</v>
      </c>
      <c r="E208">
        <v>9</v>
      </c>
      <c r="F208">
        <v>35</v>
      </c>
      <c r="G208" s="1">
        <v>3.1111111111111112</v>
      </c>
      <c r="H208" s="4">
        <v>0</v>
      </c>
      <c r="I208" s="4">
        <v>0</v>
      </c>
      <c r="J208" s="4">
        <v>0</v>
      </c>
      <c r="K208" s="4">
        <v>0</v>
      </c>
      <c r="L208" s="4">
        <v>0</v>
      </c>
      <c r="M208" s="4">
        <v>0</v>
      </c>
      <c r="N208" s="4">
        <v>0</v>
      </c>
      <c r="O208" s="4">
        <v>0</v>
      </c>
      <c r="P208" s="4">
        <v>0</v>
      </c>
      <c r="Q208" s="4">
        <v>0</v>
      </c>
      <c r="R208" s="4">
        <v>0</v>
      </c>
      <c r="S208" s="4">
        <v>0</v>
      </c>
      <c r="T208" s="4">
        <v>0</v>
      </c>
      <c r="U208" s="4">
        <v>0</v>
      </c>
      <c r="V208" s="4">
        <v>0</v>
      </c>
      <c r="W208" s="4">
        <v>0</v>
      </c>
      <c r="X208" s="4">
        <v>0</v>
      </c>
      <c r="Y208" s="4">
        <v>0</v>
      </c>
      <c r="Z208" s="4">
        <v>0</v>
      </c>
      <c r="AA208" s="4">
        <v>0</v>
      </c>
      <c r="AB208" s="4">
        <v>0</v>
      </c>
      <c r="AC208" s="4">
        <v>0</v>
      </c>
      <c r="AD208" s="4">
        <v>0</v>
      </c>
      <c r="AE208" s="4">
        <v>0</v>
      </c>
      <c r="AF208" s="4">
        <v>0</v>
      </c>
      <c r="AG208" s="4">
        <v>0</v>
      </c>
      <c r="AH208" s="4">
        <v>0</v>
      </c>
      <c r="AI208" s="4">
        <v>0</v>
      </c>
      <c r="AJ208" s="4">
        <v>0</v>
      </c>
      <c r="AK208" s="4">
        <v>0</v>
      </c>
      <c r="AL208" s="4">
        <v>0</v>
      </c>
      <c r="AM208" s="4">
        <v>0</v>
      </c>
      <c r="AN208" s="4">
        <v>0</v>
      </c>
      <c r="AO208" s="4">
        <v>0</v>
      </c>
      <c r="AP208" s="4">
        <v>0</v>
      </c>
      <c r="AQ208" s="4">
        <v>0</v>
      </c>
      <c r="AR208" s="4">
        <v>0</v>
      </c>
      <c r="AS208" s="4">
        <v>0</v>
      </c>
      <c r="AT208" s="4">
        <v>35</v>
      </c>
      <c r="AU208" s="4">
        <v>0</v>
      </c>
      <c r="AV208" s="4">
        <v>0</v>
      </c>
      <c r="AW208" s="4">
        <v>35</v>
      </c>
      <c r="AX208" s="4">
        <v>0</v>
      </c>
    </row>
    <row r="209" spans="2:50">
      <c r="B209" t="s">
        <v>170</v>
      </c>
      <c r="C209" t="s">
        <v>186</v>
      </c>
      <c r="D209" t="s">
        <v>185</v>
      </c>
      <c r="E209">
        <v>10</v>
      </c>
      <c r="F209">
        <v>35</v>
      </c>
      <c r="G209" s="1">
        <v>2.8</v>
      </c>
      <c r="H209" s="4">
        <v>0</v>
      </c>
      <c r="I209" s="4">
        <v>0</v>
      </c>
      <c r="J209" s="4">
        <v>0</v>
      </c>
      <c r="K209" s="4">
        <v>0</v>
      </c>
      <c r="L209" s="4">
        <v>0</v>
      </c>
      <c r="M209" s="4">
        <v>35</v>
      </c>
      <c r="N209" s="4">
        <v>0</v>
      </c>
      <c r="O209" s="4">
        <v>0</v>
      </c>
      <c r="P209" s="4">
        <v>0</v>
      </c>
      <c r="Q209" s="4">
        <v>0</v>
      </c>
      <c r="R209" s="4">
        <v>0</v>
      </c>
      <c r="S209" s="4">
        <v>35</v>
      </c>
      <c r="T209" s="4">
        <v>0</v>
      </c>
      <c r="U209" s="4">
        <v>0</v>
      </c>
      <c r="V209" s="4">
        <v>0</v>
      </c>
      <c r="W209" s="4">
        <v>0</v>
      </c>
      <c r="X209" s="4">
        <v>0</v>
      </c>
      <c r="Y209" s="4">
        <v>0</v>
      </c>
      <c r="Z209" s="4">
        <v>0</v>
      </c>
      <c r="AA209" s="4">
        <v>0</v>
      </c>
      <c r="AB209" s="4">
        <v>0</v>
      </c>
      <c r="AC209" s="4">
        <v>0</v>
      </c>
      <c r="AD209" s="4">
        <v>0</v>
      </c>
      <c r="AE209" s="4">
        <v>0</v>
      </c>
      <c r="AF209" s="4">
        <v>0</v>
      </c>
      <c r="AG209" s="4">
        <v>0</v>
      </c>
      <c r="AH209" s="4">
        <v>0</v>
      </c>
      <c r="AI209" s="4">
        <v>0</v>
      </c>
      <c r="AJ209" s="4">
        <v>0</v>
      </c>
      <c r="AK209" s="4">
        <v>0</v>
      </c>
      <c r="AL209" s="4">
        <v>0</v>
      </c>
      <c r="AM209" s="4">
        <v>0</v>
      </c>
      <c r="AN209" s="4">
        <v>0</v>
      </c>
      <c r="AO209" s="4">
        <v>35</v>
      </c>
      <c r="AP209" s="4">
        <v>0</v>
      </c>
      <c r="AQ209" s="4">
        <v>0</v>
      </c>
      <c r="AR209" s="4">
        <v>0</v>
      </c>
      <c r="AS209" s="4">
        <v>0</v>
      </c>
      <c r="AT209" s="4">
        <v>35</v>
      </c>
      <c r="AU209" s="4">
        <v>0</v>
      </c>
      <c r="AV209" s="4">
        <v>35</v>
      </c>
      <c r="AW209" s="4">
        <v>35</v>
      </c>
      <c r="AX209" s="4">
        <v>0</v>
      </c>
    </row>
    <row r="210" spans="2:50">
      <c r="B210" t="s">
        <v>170</v>
      </c>
      <c r="C210" t="s">
        <v>187</v>
      </c>
      <c r="D210" t="s">
        <v>102</v>
      </c>
      <c r="E210">
        <v>7</v>
      </c>
      <c r="F210">
        <v>36</v>
      </c>
      <c r="G210" s="1">
        <v>4.1142857142857148</v>
      </c>
      <c r="H210" s="4">
        <v>0</v>
      </c>
      <c r="I210" s="4">
        <v>0</v>
      </c>
      <c r="J210" s="4">
        <v>0</v>
      </c>
      <c r="K210" s="4">
        <v>0</v>
      </c>
      <c r="L210" s="4">
        <v>0</v>
      </c>
      <c r="M210" s="4">
        <v>0</v>
      </c>
      <c r="N210" s="4">
        <v>0</v>
      </c>
      <c r="O210" s="4">
        <v>0</v>
      </c>
      <c r="P210" s="4">
        <v>0</v>
      </c>
      <c r="Q210" s="4">
        <v>0</v>
      </c>
      <c r="R210" s="4">
        <v>0</v>
      </c>
      <c r="S210" s="4">
        <v>36</v>
      </c>
      <c r="T210" s="4">
        <v>0</v>
      </c>
      <c r="U210" s="4">
        <v>0</v>
      </c>
      <c r="V210" s="4">
        <v>0</v>
      </c>
      <c r="W210" s="4">
        <v>0</v>
      </c>
      <c r="X210" s="4">
        <v>0</v>
      </c>
      <c r="Y210" s="4">
        <v>0</v>
      </c>
      <c r="Z210" s="4">
        <v>0</v>
      </c>
      <c r="AA210" s="4">
        <v>0</v>
      </c>
      <c r="AB210" s="4">
        <v>0</v>
      </c>
      <c r="AC210" s="4">
        <v>0</v>
      </c>
      <c r="AD210" s="4">
        <v>36</v>
      </c>
      <c r="AE210" s="4">
        <v>0</v>
      </c>
      <c r="AF210" s="4">
        <v>0</v>
      </c>
      <c r="AG210" s="4">
        <v>0</v>
      </c>
      <c r="AH210" s="4">
        <v>0</v>
      </c>
      <c r="AI210" s="4">
        <v>0</v>
      </c>
      <c r="AJ210" s="4">
        <v>0</v>
      </c>
      <c r="AK210" s="4">
        <v>0</v>
      </c>
      <c r="AL210" s="4">
        <v>0</v>
      </c>
      <c r="AM210" s="4">
        <v>0</v>
      </c>
      <c r="AN210" s="4">
        <v>0</v>
      </c>
      <c r="AO210" s="4">
        <v>36</v>
      </c>
      <c r="AP210" s="4">
        <v>0</v>
      </c>
      <c r="AQ210" s="4">
        <v>0</v>
      </c>
      <c r="AR210" s="4">
        <v>36</v>
      </c>
      <c r="AS210" s="4">
        <v>0</v>
      </c>
      <c r="AT210" s="4">
        <v>36</v>
      </c>
      <c r="AU210" s="4">
        <v>36</v>
      </c>
      <c r="AV210" s="4">
        <v>36</v>
      </c>
      <c r="AW210" s="4">
        <v>36</v>
      </c>
      <c r="AX210" s="4">
        <v>0</v>
      </c>
    </row>
    <row r="211" spans="2:50">
      <c r="B211" t="s">
        <v>152</v>
      </c>
      <c r="C211" t="s">
        <v>188</v>
      </c>
      <c r="D211" t="s">
        <v>102</v>
      </c>
      <c r="E211">
        <v>5</v>
      </c>
      <c r="F211">
        <v>36</v>
      </c>
      <c r="G211" s="1">
        <v>5.76</v>
      </c>
      <c r="H211" s="4">
        <v>36</v>
      </c>
      <c r="I211" s="4">
        <v>0</v>
      </c>
      <c r="J211" s="4">
        <v>0</v>
      </c>
      <c r="K211" s="4">
        <v>36</v>
      </c>
      <c r="L211" s="4">
        <v>0</v>
      </c>
      <c r="M211" s="4">
        <v>0</v>
      </c>
      <c r="N211" s="4">
        <v>0</v>
      </c>
      <c r="O211" s="4">
        <v>0</v>
      </c>
      <c r="P211" s="4">
        <v>0</v>
      </c>
      <c r="Q211" s="4">
        <v>0</v>
      </c>
      <c r="R211" s="4">
        <v>0</v>
      </c>
      <c r="S211" s="4">
        <v>0</v>
      </c>
      <c r="T211" s="4">
        <v>0</v>
      </c>
      <c r="U211" s="4">
        <v>36</v>
      </c>
      <c r="V211" s="4">
        <v>0</v>
      </c>
      <c r="W211" s="4">
        <v>0</v>
      </c>
      <c r="X211" s="4">
        <v>0</v>
      </c>
      <c r="Y211" s="4">
        <v>0</v>
      </c>
      <c r="Z211" s="4">
        <v>0</v>
      </c>
      <c r="AA211" s="4">
        <v>36</v>
      </c>
      <c r="AB211" s="4">
        <v>0</v>
      </c>
      <c r="AC211" s="4">
        <v>0</v>
      </c>
      <c r="AD211" s="4">
        <v>0</v>
      </c>
      <c r="AE211" s="4">
        <v>0</v>
      </c>
      <c r="AF211" s="4">
        <v>0</v>
      </c>
      <c r="AG211" s="4">
        <v>0</v>
      </c>
      <c r="AH211" s="4">
        <v>0</v>
      </c>
      <c r="AI211" s="4">
        <v>36</v>
      </c>
      <c r="AJ211" s="4">
        <v>0</v>
      </c>
      <c r="AK211" s="4">
        <v>0</v>
      </c>
      <c r="AL211" s="4">
        <v>0</v>
      </c>
      <c r="AM211" s="4">
        <v>0</v>
      </c>
      <c r="AN211" s="4">
        <v>0</v>
      </c>
      <c r="AO211" s="4">
        <v>0</v>
      </c>
      <c r="AP211" s="4">
        <v>36</v>
      </c>
      <c r="AQ211" s="4">
        <v>0</v>
      </c>
      <c r="AR211" s="4">
        <v>0</v>
      </c>
      <c r="AS211" s="4">
        <v>0</v>
      </c>
      <c r="AT211" s="4">
        <v>36</v>
      </c>
      <c r="AU211" s="4">
        <v>36</v>
      </c>
      <c r="AV211" s="4">
        <v>0</v>
      </c>
      <c r="AW211" s="4">
        <v>36</v>
      </c>
      <c r="AX211" s="4">
        <v>0</v>
      </c>
    </row>
    <row r="212" spans="2:50">
      <c r="B212" t="s">
        <v>128</v>
      </c>
      <c r="C212" t="s">
        <v>189</v>
      </c>
      <c r="D212" t="s">
        <v>102</v>
      </c>
      <c r="E212">
        <v>7</v>
      </c>
      <c r="F212">
        <v>36</v>
      </c>
      <c r="G212" s="1">
        <v>4.1142857142857148</v>
      </c>
      <c r="H212" s="4">
        <v>0</v>
      </c>
      <c r="I212" s="4">
        <v>0</v>
      </c>
      <c r="J212" s="4">
        <v>0</v>
      </c>
      <c r="K212" s="4">
        <v>0</v>
      </c>
      <c r="L212" s="4">
        <v>0</v>
      </c>
      <c r="M212" s="4">
        <v>0</v>
      </c>
      <c r="N212" s="4">
        <v>0</v>
      </c>
      <c r="O212" s="4">
        <v>0</v>
      </c>
      <c r="P212" s="4">
        <v>0</v>
      </c>
      <c r="Q212" s="4">
        <v>0</v>
      </c>
      <c r="R212" s="4">
        <v>0</v>
      </c>
      <c r="S212" s="4">
        <v>0</v>
      </c>
      <c r="T212" s="4">
        <v>0</v>
      </c>
      <c r="U212" s="4">
        <v>0</v>
      </c>
      <c r="V212" s="4">
        <v>0</v>
      </c>
      <c r="W212" s="4">
        <v>0</v>
      </c>
      <c r="X212" s="4">
        <v>0</v>
      </c>
      <c r="Y212" s="4">
        <v>0</v>
      </c>
      <c r="Z212" s="4">
        <v>0</v>
      </c>
      <c r="AA212" s="4">
        <v>0</v>
      </c>
      <c r="AB212" s="4">
        <v>0</v>
      </c>
      <c r="AC212" s="4">
        <v>0</v>
      </c>
      <c r="AD212" s="4">
        <v>36</v>
      </c>
      <c r="AE212" s="4">
        <v>0</v>
      </c>
      <c r="AF212" s="4">
        <v>0</v>
      </c>
      <c r="AG212" s="4">
        <v>0</v>
      </c>
      <c r="AH212" s="4">
        <v>0</v>
      </c>
      <c r="AI212" s="4">
        <v>0</v>
      </c>
      <c r="AJ212" s="4">
        <v>0</v>
      </c>
      <c r="AK212" s="4">
        <v>36</v>
      </c>
      <c r="AL212" s="4">
        <v>0</v>
      </c>
      <c r="AM212" s="4">
        <v>0</v>
      </c>
      <c r="AN212" s="4">
        <v>0</v>
      </c>
      <c r="AO212" s="4">
        <v>0</v>
      </c>
      <c r="AP212" s="4">
        <v>0</v>
      </c>
      <c r="AQ212" s="4">
        <v>0</v>
      </c>
      <c r="AR212" s="4">
        <v>36</v>
      </c>
      <c r="AS212" s="4">
        <v>0</v>
      </c>
      <c r="AT212" s="4">
        <v>0</v>
      </c>
      <c r="AU212" s="4">
        <v>0</v>
      </c>
      <c r="AV212" s="4">
        <v>0</v>
      </c>
      <c r="AW212" s="4">
        <v>36</v>
      </c>
      <c r="AX212" s="4">
        <v>0</v>
      </c>
    </row>
    <row r="213" spans="2:50">
      <c r="B213" t="s">
        <v>170</v>
      </c>
      <c r="C213" t="s">
        <v>190</v>
      </c>
      <c r="D213" t="s">
        <v>105</v>
      </c>
      <c r="E213">
        <v>7</v>
      </c>
      <c r="F213">
        <v>37</v>
      </c>
      <c r="G213" s="1">
        <v>4.2285714285714286</v>
      </c>
      <c r="H213" s="4">
        <v>0</v>
      </c>
      <c r="I213" s="4">
        <v>0</v>
      </c>
      <c r="J213" s="4">
        <v>0</v>
      </c>
      <c r="K213" s="4">
        <v>0</v>
      </c>
      <c r="L213" s="4">
        <v>0</v>
      </c>
      <c r="M213" s="4">
        <v>0</v>
      </c>
      <c r="N213" s="4">
        <v>0</v>
      </c>
      <c r="O213" s="4">
        <v>0</v>
      </c>
      <c r="P213" s="4">
        <v>0</v>
      </c>
      <c r="Q213" s="4">
        <v>0</v>
      </c>
      <c r="R213" s="4">
        <v>0</v>
      </c>
      <c r="S213" s="4">
        <v>0</v>
      </c>
      <c r="T213" s="4">
        <v>0</v>
      </c>
      <c r="U213" s="4">
        <v>0</v>
      </c>
      <c r="V213" s="4">
        <v>0</v>
      </c>
      <c r="W213" s="4">
        <v>0</v>
      </c>
      <c r="X213" s="4">
        <v>0</v>
      </c>
      <c r="Y213" s="4">
        <v>0</v>
      </c>
      <c r="Z213" s="4">
        <v>0</v>
      </c>
      <c r="AA213" s="4">
        <v>0</v>
      </c>
      <c r="AB213" s="4">
        <v>0</v>
      </c>
      <c r="AC213" s="4">
        <v>0</v>
      </c>
      <c r="AD213" s="4">
        <v>37</v>
      </c>
      <c r="AE213" s="4">
        <v>0</v>
      </c>
      <c r="AF213" s="4">
        <v>0</v>
      </c>
      <c r="AG213" s="4">
        <v>0</v>
      </c>
      <c r="AH213" s="4">
        <v>0</v>
      </c>
      <c r="AI213" s="4">
        <v>0</v>
      </c>
      <c r="AJ213" s="4">
        <v>0</v>
      </c>
      <c r="AK213" s="4">
        <v>37</v>
      </c>
      <c r="AL213" s="4">
        <v>0</v>
      </c>
      <c r="AM213" s="4">
        <v>0</v>
      </c>
      <c r="AN213" s="4">
        <v>0</v>
      </c>
      <c r="AO213" s="4">
        <v>0</v>
      </c>
      <c r="AP213" s="4">
        <v>0</v>
      </c>
      <c r="AQ213" s="4">
        <v>0</v>
      </c>
      <c r="AR213" s="4">
        <v>37</v>
      </c>
      <c r="AS213" s="4">
        <v>0</v>
      </c>
      <c r="AT213" s="4">
        <v>37</v>
      </c>
      <c r="AU213" s="4">
        <v>0</v>
      </c>
      <c r="AV213" s="4">
        <v>37</v>
      </c>
      <c r="AW213" s="4">
        <v>37</v>
      </c>
      <c r="AX213" s="4">
        <v>0</v>
      </c>
    </row>
    <row r="214" spans="2:50">
      <c r="B214" t="s">
        <v>170</v>
      </c>
      <c r="C214" t="s">
        <v>191</v>
      </c>
      <c r="D214" t="s">
        <v>105</v>
      </c>
      <c r="E214">
        <v>8</v>
      </c>
      <c r="F214">
        <v>37</v>
      </c>
      <c r="G214" s="1">
        <v>3.7</v>
      </c>
      <c r="H214" s="4">
        <v>0</v>
      </c>
      <c r="I214" s="4">
        <v>0</v>
      </c>
      <c r="J214" s="4">
        <v>0</v>
      </c>
      <c r="K214" s="4">
        <v>0</v>
      </c>
      <c r="L214" s="4">
        <v>0</v>
      </c>
      <c r="M214" s="4">
        <v>0</v>
      </c>
      <c r="N214" s="4">
        <v>0</v>
      </c>
      <c r="O214" s="4">
        <v>0</v>
      </c>
      <c r="P214" s="4">
        <v>0</v>
      </c>
      <c r="Q214" s="4">
        <v>0</v>
      </c>
      <c r="R214" s="4">
        <v>0</v>
      </c>
      <c r="S214" s="4">
        <v>37</v>
      </c>
      <c r="T214" s="4">
        <v>0</v>
      </c>
      <c r="U214" s="4">
        <v>0</v>
      </c>
      <c r="V214" s="4">
        <v>0</v>
      </c>
      <c r="W214" s="4">
        <v>0</v>
      </c>
      <c r="X214" s="4">
        <v>0</v>
      </c>
      <c r="Y214" s="4">
        <v>0</v>
      </c>
      <c r="Z214" s="4">
        <v>0</v>
      </c>
      <c r="AA214" s="4">
        <v>0</v>
      </c>
      <c r="AB214" s="4">
        <v>0</v>
      </c>
      <c r="AC214" s="4">
        <v>0</v>
      </c>
      <c r="AD214" s="4">
        <v>37</v>
      </c>
      <c r="AE214" s="4">
        <v>0</v>
      </c>
      <c r="AF214" s="4">
        <v>0</v>
      </c>
      <c r="AG214" s="4">
        <v>0</v>
      </c>
      <c r="AH214" s="4">
        <v>0</v>
      </c>
      <c r="AI214" s="4">
        <v>0</v>
      </c>
      <c r="AJ214" s="4">
        <v>0</v>
      </c>
      <c r="AK214" s="4">
        <v>0</v>
      </c>
      <c r="AL214" s="4">
        <v>0</v>
      </c>
      <c r="AM214" s="4">
        <v>0</v>
      </c>
      <c r="AN214" s="4">
        <v>0</v>
      </c>
      <c r="AO214" s="4">
        <v>37</v>
      </c>
      <c r="AP214" s="4">
        <v>0</v>
      </c>
      <c r="AQ214" s="4">
        <v>0</v>
      </c>
      <c r="AR214" s="4">
        <v>37</v>
      </c>
      <c r="AS214" s="4">
        <v>0</v>
      </c>
      <c r="AT214" s="4">
        <v>0</v>
      </c>
      <c r="AU214" s="4">
        <v>0</v>
      </c>
      <c r="AV214" s="4">
        <v>0</v>
      </c>
      <c r="AW214" s="4">
        <v>37</v>
      </c>
      <c r="AX214" s="4">
        <v>0</v>
      </c>
    </row>
    <row r="215" spans="2:50">
      <c r="B215" t="s">
        <v>128</v>
      </c>
      <c r="C215" t="s">
        <v>192</v>
      </c>
      <c r="D215" t="s">
        <v>106</v>
      </c>
      <c r="E215">
        <v>6</v>
      </c>
      <c r="F215">
        <v>39</v>
      </c>
      <c r="G215" s="1">
        <v>5.2</v>
      </c>
      <c r="H215" s="4">
        <v>0</v>
      </c>
      <c r="I215" s="4">
        <v>0</v>
      </c>
      <c r="J215" s="4">
        <v>0</v>
      </c>
      <c r="K215" s="4">
        <v>0</v>
      </c>
      <c r="L215" s="4">
        <v>0</v>
      </c>
      <c r="M215" s="4">
        <v>0</v>
      </c>
      <c r="N215" s="4">
        <v>0</v>
      </c>
      <c r="O215" s="4">
        <v>0</v>
      </c>
      <c r="P215" s="4">
        <v>0</v>
      </c>
      <c r="Q215" s="4">
        <v>0</v>
      </c>
      <c r="R215" s="4">
        <v>0</v>
      </c>
      <c r="S215" s="4">
        <v>0</v>
      </c>
      <c r="T215" s="4">
        <v>0</v>
      </c>
      <c r="U215" s="4">
        <v>0</v>
      </c>
      <c r="V215" s="4">
        <v>0</v>
      </c>
      <c r="W215" s="4">
        <v>0</v>
      </c>
      <c r="X215" s="4">
        <v>0</v>
      </c>
      <c r="Y215" s="4">
        <v>0</v>
      </c>
      <c r="Z215" s="4">
        <v>0</v>
      </c>
      <c r="AA215" s="4">
        <v>0</v>
      </c>
      <c r="AB215" s="4">
        <v>0</v>
      </c>
      <c r="AC215" s="4">
        <v>0</v>
      </c>
      <c r="AD215" s="4">
        <v>39</v>
      </c>
      <c r="AE215" s="4">
        <v>0</v>
      </c>
      <c r="AF215" s="4">
        <v>0</v>
      </c>
      <c r="AG215" s="4">
        <v>0</v>
      </c>
      <c r="AH215" s="4">
        <v>0</v>
      </c>
      <c r="AI215" s="4">
        <v>0</v>
      </c>
      <c r="AJ215" s="4">
        <v>0</v>
      </c>
      <c r="AK215" s="4">
        <v>39</v>
      </c>
      <c r="AL215" s="4">
        <v>0</v>
      </c>
      <c r="AM215" s="4">
        <v>0</v>
      </c>
      <c r="AN215" s="4">
        <v>0</v>
      </c>
      <c r="AO215" s="4">
        <v>0</v>
      </c>
      <c r="AP215" s="4">
        <v>0</v>
      </c>
      <c r="AQ215" s="4">
        <v>0</v>
      </c>
      <c r="AR215" s="4">
        <v>0</v>
      </c>
      <c r="AS215" s="4">
        <v>0</v>
      </c>
      <c r="AT215" s="4">
        <v>0</v>
      </c>
      <c r="AU215" s="4">
        <v>0</v>
      </c>
      <c r="AV215" s="4">
        <v>0</v>
      </c>
      <c r="AW215" s="4">
        <v>0</v>
      </c>
      <c r="AX215" s="4">
        <v>0</v>
      </c>
    </row>
    <row r="216" spans="2:50">
      <c r="B216" t="s">
        <v>170</v>
      </c>
      <c r="C216" t="s">
        <v>193</v>
      </c>
      <c r="D216" t="s">
        <v>104</v>
      </c>
      <c r="E216">
        <v>7</v>
      </c>
      <c r="F216">
        <v>40</v>
      </c>
      <c r="G216" s="1">
        <v>4.5714285714285712</v>
      </c>
      <c r="H216" s="4">
        <v>0</v>
      </c>
      <c r="I216" s="4">
        <v>0</v>
      </c>
      <c r="J216" s="4">
        <v>0</v>
      </c>
      <c r="K216" s="4">
        <v>0</v>
      </c>
      <c r="L216" s="4">
        <v>0</v>
      </c>
      <c r="M216" s="4">
        <v>0</v>
      </c>
      <c r="N216" s="4">
        <v>0</v>
      </c>
      <c r="O216" s="4">
        <v>0</v>
      </c>
      <c r="P216" s="4">
        <v>0</v>
      </c>
      <c r="Q216" s="4">
        <v>0</v>
      </c>
      <c r="R216" s="4">
        <v>0</v>
      </c>
      <c r="S216" s="4">
        <v>0</v>
      </c>
      <c r="T216" s="4">
        <v>0</v>
      </c>
      <c r="U216" s="4">
        <v>0</v>
      </c>
      <c r="V216" s="4">
        <v>0</v>
      </c>
      <c r="W216" s="4">
        <v>0</v>
      </c>
      <c r="X216" s="4">
        <v>0</v>
      </c>
      <c r="Y216" s="4">
        <v>0</v>
      </c>
      <c r="Z216" s="4">
        <v>0</v>
      </c>
      <c r="AA216" s="4">
        <v>0</v>
      </c>
      <c r="AB216" s="4">
        <v>0</v>
      </c>
      <c r="AC216" s="4">
        <v>0</v>
      </c>
      <c r="AD216" s="4">
        <v>0</v>
      </c>
      <c r="AE216" s="4">
        <v>0</v>
      </c>
      <c r="AF216" s="4">
        <v>0</v>
      </c>
      <c r="AG216" s="4">
        <v>0</v>
      </c>
      <c r="AH216" s="4">
        <v>0</v>
      </c>
      <c r="AI216" s="4">
        <v>0</v>
      </c>
      <c r="AJ216" s="4">
        <v>0</v>
      </c>
      <c r="AK216" s="4">
        <v>40</v>
      </c>
      <c r="AL216" s="4">
        <v>0</v>
      </c>
      <c r="AM216" s="4">
        <v>0</v>
      </c>
      <c r="AN216" s="4">
        <v>0</v>
      </c>
      <c r="AO216" s="4">
        <v>0</v>
      </c>
      <c r="AP216" s="4">
        <v>0</v>
      </c>
      <c r="AQ216" s="4">
        <v>0</v>
      </c>
      <c r="AR216" s="4">
        <v>0</v>
      </c>
      <c r="AS216" s="4">
        <v>0</v>
      </c>
      <c r="AT216" s="4">
        <v>0</v>
      </c>
      <c r="AU216" s="4">
        <v>0</v>
      </c>
      <c r="AV216" s="4">
        <v>0</v>
      </c>
      <c r="AW216" s="4">
        <v>40</v>
      </c>
      <c r="AX216" s="4">
        <v>0</v>
      </c>
    </row>
    <row r="217" spans="2:50">
      <c r="B217" t="s">
        <v>165</v>
      </c>
      <c r="C217" t="s">
        <v>194</v>
      </c>
      <c r="D217" t="s">
        <v>195</v>
      </c>
      <c r="E217">
        <v>10</v>
      </c>
      <c r="F217">
        <v>41</v>
      </c>
      <c r="G217" s="1">
        <v>3.2800000000000002</v>
      </c>
      <c r="H217" s="4">
        <v>0</v>
      </c>
      <c r="I217" s="4">
        <v>0</v>
      </c>
      <c r="J217" s="4">
        <v>0</v>
      </c>
      <c r="K217" s="4">
        <v>0</v>
      </c>
      <c r="L217" s="4">
        <v>0</v>
      </c>
      <c r="M217" s="4">
        <v>0</v>
      </c>
      <c r="N217" s="4">
        <v>0</v>
      </c>
      <c r="O217" s="4">
        <v>0</v>
      </c>
      <c r="P217" s="4">
        <v>0</v>
      </c>
      <c r="Q217" s="4">
        <v>0</v>
      </c>
      <c r="R217" s="4">
        <v>0</v>
      </c>
      <c r="S217" s="4">
        <v>0</v>
      </c>
      <c r="T217" s="4">
        <v>0</v>
      </c>
      <c r="U217" s="4">
        <v>0</v>
      </c>
      <c r="V217" s="4">
        <v>0</v>
      </c>
      <c r="W217" s="4">
        <v>0</v>
      </c>
      <c r="X217" s="4">
        <v>0</v>
      </c>
      <c r="Y217" s="4">
        <v>0</v>
      </c>
      <c r="Z217" s="4">
        <v>0</v>
      </c>
      <c r="AA217" s="4">
        <v>0</v>
      </c>
      <c r="AB217" s="4">
        <v>0</v>
      </c>
      <c r="AC217" s="4">
        <v>0</v>
      </c>
      <c r="AD217" s="4">
        <v>0</v>
      </c>
      <c r="AE217" s="4">
        <v>0</v>
      </c>
      <c r="AF217" s="4">
        <v>0</v>
      </c>
      <c r="AG217" s="4">
        <v>0</v>
      </c>
      <c r="AH217" s="4">
        <v>0</v>
      </c>
      <c r="AI217" s="4">
        <v>0</v>
      </c>
      <c r="AJ217" s="4">
        <v>0</v>
      </c>
      <c r="AK217" s="4">
        <v>0</v>
      </c>
      <c r="AL217" s="4">
        <v>0</v>
      </c>
      <c r="AM217" s="4">
        <v>0</v>
      </c>
      <c r="AN217" s="4">
        <v>0</v>
      </c>
      <c r="AO217" s="4">
        <v>0</v>
      </c>
      <c r="AP217" s="4">
        <v>0</v>
      </c>
      <c r="AQ217" s="4">
        <v>0</v>
      </c>
      <c r="AR217" s="4">
        <v>0</v>
      </c>
      <c r="AS217" s="4">
        <v>0</v>
      </c>
      <c r="AT217" s="4">
        <v>0</v>
      </c>
      <c r="AU217" s="4">
        <v>0</v>
      </c>
      <c r="AV217" s="4">
        <v>0</v>
      </c>
      <c r="AW217" s="4">
        <v>0</v>
      </c>
      <c r="AX217" s="4">
        <v>0</v>
      </c>
    </row>
    <row r="218" spans="2:50">
      <c r="B218" t="s">
        <v>130</v>
      </c>
      <c r="C218" t="s">
        <v>196</v>
      </c>
      <c r="D218" t="s">
        <v>195</v>
      </c>
      <c r="E218">
        <v>11</v>
      </c>
      <c r="F218">
        <v>41</v>
      </c>
      <c r="G218" s="1">
        <v>2.9818181818181824</v>
      </c>
      <c r="H218" s="4">
        <v>0</v>
      </c>
      <c r="I218" s="4">
        <v>0</v>
      </c>
      <c r="J218" s="4">
        <v>0</v>
      </c>
      <c r="K218" s="4">
        <v>0</v>
      </c>
      <c r="L218" s="4">
        <v>0</v>
      </c>
      <c r="M218" s="4">
        <v>0</v>
      </c>
      <c r="N218" s="4">
        <v>0</v>
      </c>
      <c r="O218" s="4">
        <v>0</v>
      </c>
      <c r="P218" s="4">
        <v>0</v>
      </c>
      <c r="Q218" s="4">
        <v>0</v>
      </c>
      <c r="R218" s="4">
        <v>0</v>
      </c>
      <c r="S218" s="4">
        <v>0</v>
      </c>
      <c r="T218" s="4">
        <v>0</v>
      </c>
      <c r="U218" s="4">
        <v>0</v>
      </c>
      <c r="V218" s="4">
        <v>0</v>
      </c>
      <c r="W218" s="4">
        <v>0</v>
      </c>
      <c r="X218" s="4">
        <v>0</v>
      </c>
      <c r="Y218" s="4">
        <v>0</v>
      </c>
      <c r="Z218" s="4">
        <v>0</v>
      </c>
      <c r="AA218" s="4">
        <v>0</v>
      </c>
      <c r="AB218" s="4">
        <v>0</v>
      </c>
      <c r="AC218" s="4">
        <v>0</v>
      </c>
      <c r="AD218" s="4">
        <v>0</v>
      </c>
      <c r="AE218" s="4">
        <v>0</v>
      </c>
      <c r="AF218" s="4">
        <v>0</v>
      </c>
      <c r="AG218" s="4">
        <v>0</v>
      </c>
      <c r="AH218" s="4">
        <v>0</v>
      </c>
      <c r="AI218" s="4">
        <v>0</v>
      </c>
      <c r="AJ218" s="4">
        <v>0</v>
      </c>
      <c r="AK218" s="4">
        <v>0</v>
      </c>
      <c r="AL218" s="4">
        <v>0</v>
      </c>
      <c r="AM218" s="4">
        <v>0</v>
      </c>
      <c r="AN218" s="4">
        <v>0</v>
      </c>
      <c r="AO218" s="4">
        <v>0</v>
      </c>
      <c r="AP218" s="4">
        <v>0</v>
      </c>
      <c r="AQ218" s="4">
        <v>0</v>
      </c>
      <c r="AR218" s="4">
        <v>0</v>
      </c>
      <c r="AS218" s="4">
        <v>0</v>
      </c>
      <c r="AT218" s="4">
        <v>0</v>
      </c>
      <c r="AU218" s="4">
        <v>0</v>
      </c>
      <c r="AV218" s="4">
        <v>0</v>
      </c>
      <c r="AW218" s="4">
        <v>0</v>
      </c>
      <c r="AX218" s="4">
        <v>0</v>
      </c>
    </row>
    <row r="219" spans="2:50">
      <c r="B219" t="s">
        <v>165</v>
      </c>
      <c r="C219" t="s">
        <v>197</v>
      </c>
      <c r="D219" t="s">
        <v>198</v>
      </c>
      <c r="E219">
        <v>5</v>
      </c>
      <c r="F219">
        <v>42</v>
      </c>
      <c r="G219" s="1">
        <v>6.7200000000000006</v>
      </c>
      <c r="H219" s="4">
        <v>0</v>
      </c>
      <c r="I219" s="4">
        <v>0</v>
      </c>
      <c r="J219" s="4">
        <v>0</v>
      </c>
      <c r="K219" s="4">
        <v>0</v>
      </c>
      <c r="L219" s="4">
        <v>0</v>
      </c>
      <c r="M219" s="4">
        <v>0</v>
      </c>
      <c r="N219" s="4">
        <v>0</v>
      </c>
      <c r="O219" s="4">
        <v>0</v>
      </c>
      <c r="P219" s="4">
        <v>0</v>
      </c>
      <c r="Q219" s="4">
        <v>0</v>
      </c>
      <c r="R219" s="4">
        <v>0</v>
      </c>
      <c r="S219" s="4">
        <v>0</v>
      </c>
      <c r="T219" s="4">
        <v>0</v>
      </c>
      <c r="U219" s="4">
        <v>0</v>
      </c>
      <c r="V219" s="4">
        <v>0</v>
      </c>
      <c r="W219" s="4">
        <v>0</v>
      </c>
      <c r="X219" s="4">
        <v>0</v>
      </c>
      <c r="Y219" s="4">
        <v>0</v>
      </c>
      <c r="Z219" s="4">
        <v>0</v>
      </c>
      <c r="AA219" s="4">
        <v>0</v>
      </c>
      <c r="AB219" s="4">
        <v>0</v>
      </c>
      <c r="AC219" s="4">
        <v>0</v>
      </c>
      <c r="AD219" s="4">
        <v>0</v>
      </c>
      <c r="AE219" s="4">
        <v>0</v>
      </c>
      <c r="AF219" s="4">
        <v>0</v>
      </c>
      <c r="AG219" s="4">
        <v>0</v>
      </c>
      <c r="AH219" s="4">
        <v>0</v>
      </c>
      <c r="AI219" s="4">
        <v>0</v>
      </c>
      <c r="AJ219" s="4">
        <v>0</v>
      </c>
      <c r="AK219" s="4">
        <v>0</v>
      </c>
      <c r="AL219" s="4">
        <v>0</v>
      </c>
      <c r="AM219" s="4">
        <v>0</v>
      </c>
      <c r="AN219" s="4">
        <v>0</v>
      </c>
      <c r="AO219" s="4">
        <v>0</v>
      </c>
      <c r="AP219" s="4">
        <v>0</v>
      </c>
      <c r="AQ219" s="4">
        <v>0</v>
      </c>
      <c r="AR219" s="4">
        <v>0</v>
      </c>
      <c r="AS219" s="4">
        <v>0</v>
      </c>
      <c r="AT219" s="4">
        <v>0</v>
      </c>
      <c r="AU219" s="4">
        <v>0</v>
      </c>
      <c r="AV219" s="4">
        <v>0</v>
      </c>
      <c r="AW219" s="4">
        <v>0</v>
      </c>
      <c r="AX219" s="4">
        <v>0</v>
      </c>
    </row>
    <row r="220" spans="2:50">
      <c r="B220" t="s">
        <v>165</v>
      </c>
      <c r="C220" t="s">
        <v>199</v>
      </c>
      <c r="D220" t="s">
        <v>200</v>
      </c>
      <c r="E220">
        <v>10</v>
      </c>
      <c r="F220">
        <v>43</v>
      </c>
      <c r="G220" s="1">
        <v>3.44</v>
      </c>
      <c r="H220" s="4">
        <v>0</v>
      </c>
      <c r="I220" s="4">
        <v>0</v>
      </c>
      <c r="J220" s="4">
        <v>0</v>
      </c>
      <c r="K220" s="4">
        <v>0</v>
      </c>
      <c r="L220" s="4">
        <v>0</v>
      </c>
      <c r="M220" s="4">
        <v>0</v>
      </c>
      <c r="N220" s="4">
        <v>0</v>
      </c>
      <c r="O220" s="4">
        <v>0</v>
      </c>
      <c r="P220" s="4">
        <v>0</v>
      </c>
      <c r="Q220" s="4">
        <v>0</v>
      </c>
      <c r="R220" s="4">
        <v>0</v>
      </c>
      <c r="S220" s="4">
        <v>0</v>
      </c>
      <c r="T220" s="4">
        <v>0</v>
      </c>
      <c r="U220" s="4">
        <v>0</v>
      </c>
      <c r="V220" s="4">
        <v>0</v>
      </c>
      <c r="W220" s="4">
        <v>0</v>
      </c>
      <c r="X220" s="4">
        <v>0</v>
      </c>
      <c r="Y220" s="4">
        <v>0</v>
      </c>
      <c r="Z220" s="4">
        <v>0</v>
      </c>
      <c r="AA220" s="4">
        <v>0</v>
      </c>
      <c r="AB220" s="4">
        <v>0</v>
      </c>
      <c r="AC220" s="4">
        <v>0</v>
      </c>
      <c r="AD220" s="4">
        <v>0</v>
      </c>
      <c r="AE220" s="4">
        <v>0</v>
      </c>
      <c r="AF220" s="4">
        <v>0</v>
      </c>
      <c r="AG220" s="4">
        <v>0</v>
      </c>
      <c r="AH220" s="4">
        <v>0</v>
      </c>
      <c r="AI220" s="4">
        <v>0</v>
      </c>
      <c r="AJ220" s="4">
        <v>0</v>
      </c>
      <c r="AK220" s="4">
        <v>43</v>
      </c>
      <c r="AL220" s="4">
        <v>0</v>
      </c>
      <c r="AM220" s="4">
        <v>0</v>
      </c>
      <c r="AN220" s="4">
        <v>0</v>
      </c>
      <c r="AO220" s="4">
        <v>0</v>
      </c>
      <c r="AP220" s="4">
        <v>0</v>
      </c>
      <c r="AQ220" s="4">
        <v>0</v>
      </c>
      <c r="AR220" s="4">
        <v>0</v>
      </c>
      <c r="AS220" s="4">
        <v>0</v>
      </c>
      <c r="AT220" s="4">
        <v>0</v>
      </c>
      <c r="AU220" s="4">
        <v>0</v>
      </c>
      <c r="AV220" s="4">
        <v>0</v>
      </c>
      <c r="AW220" s="4">
        <v>0</v>
      </c>
      <c r="AX220" s="4">
        <v>0</v>
      </c>
    </row>
  </sheetData>
  <conditionalFormatting sqref="H7:AX7 H75:AX134">
    <cfRule type="cellIs" dxfId="16" priority="37" operator="greaterThan">
      <formula>0</formula>
    </cfRule>
    <cfRule type="cellIs" dxfId="15" priority="38" operator="lessThan">
      <formula>0</formula>
    </cfRule>
  </conditionalFormatting>
  <conditionalFormatting sqref="H8:AX65">
    <cfRule type="cellIs" dxfId="14" priority="32" operator="equal">
      <formula>"Top"</formula>
    </cfRule>
    <cfRule type="cellIs" dxfId="13" priority="33" operator="between">
      <formula>2</formula>
      <formula>$E8</formula>
    </cfRule>
    <cfRule type="cellIs" dxfId="12" priority="34" operator="greaterThan">
      <formula>$E8</formula>
    </cfRule>
  </conditionalFormatting>
  <conditionalFormatting sqref="H8:AX65">
    <cfRule type="cellIs" dxfId="11" priority="26" operator="equal">
      <formula>""</formula>
    </cfRule>
    <cfRule type="cellIs" dxfId="10" priority="31" operator="equal">
      <formula>1</formula>
    </cfRule>
  </conditionalFormatting>
  <pageMargins left="0.7" right="0.7" top="0.75" bottom="0.75" header="0.3" footer="0.3"/>
  <pageSetup orientation="portrait" r:id="rId1"/>
  <customProperties>
    <customPr name="EpmWorksheetKeyString_GUI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5743304-81BF-4E29-8A77-AC4BCD2A8B3B}">
  <ds:schemaRefs/>
</ds:datastoreItem>
</file>

<file path=customXml/itemProps2.xml><?xml version="1.0" encoding="utf-8"?>
<ds:datastoreItem xmlns:ds="http://schemas.openxmlformats.org/officeDocument/2006/customXml" ds:itemID="{3CD96FD2-7B7C-4E67-A138-CA8458020614}">
  <ds:schemaRefs/>
</ds:datastoreItem>
</file>

<file path=docMetadata/LabelInfo.xml><?xml version="1.0" encoding="utf-8"?>
<clbl:labelList xmlns:clbl="http://schemas.microsoft.com/office/2020/mipLabelMetadata">
  <clbl:label id="{9a3f3f0f-95b6-4766-93f1-6bd07de19cea}" enabled="0" method="" siteId="{9a3f3f0f-95b6-4766-93f1-6bd07de19cea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4-09T08:09:15Z</dcterms:created>
  <dcterms:modified xsi:type="dcterms:W3CDTF">2025-09-27T21:41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lux</vt:lpwstr>
  </property>
  <property fmtid="{D5CDD505-2E9C-101B-9397-08002B2CF9AE}" pid="3" name="TemplafyTemplateId">
    <vt:lpwstr>1104021679173009413</vt:lpwstr>
  </property>
  <property fmtid="{D5CDD505-2E9C-101B-9397-08002B2CF9AE}" pid="4" name="TemplafyUserProfileId">
    <vt:lpwstr>110385528378412446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